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19126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131843\Documents\Projects\BATA\04-3G454_RSR-SMH\"/>
    </mc:Choice>
  </mc:AlternateContent>
  <xr:revisionPtr revIDLastSave="0" documentId="10_ncr:100000_{2FA37735-153A-458F-8C6F-8956EB94173E}" xr6:coauthVersionLast="31" xr6:coauthVersionMax="40" xr10:uidLastSave="{00000000-0000-0000-0000-000000000000}"/>
  <bookViews>
    <workbookView xWindow="25080" yWindow="-120" windowWidth="25440" windowHeight="15390" tabRatio="701" xr2:uid="{745B1FC7-837F-42A7-89C2-EBAE35B08D07}"/>
  </bookViews>
  <sheets>
    <sheet name="1" sheetId="1" r:id="rId1"/>
    <sheet name="2" sheetId="11" r:id="rId2"/>
    <sheet name="3" sheetId="13" r:id="rId3"/>
    <sheet name="4" sheetId="15" r:id="rId4"/>
    <sheet name="5" sheetId="17" r:id="rId5"/>
    <sheet name="6" sheetId="19" r:id="rId6"/>
    <sheet name="7" sheetId="21" r:id="rId7"/>
    <sheet name="8" sheetId="23" r:id="rId8"/>
    <sheet name="9" sheetId="25" r:id="rId9"/>
    <sheet name="10" sheetId="27" r:id="rId10"/>
    <sheet name="11" sheetId="29" r:id="rId11"/>
    <sheet name="12" sheetId="31" r:id="rId12"/>
    <sheet name="13" sheetId="33" r:id="rId13"/>
  </sheets>
  <definedNames>
    <definedName name="_xlnm._FilterDatabase" localSheetId="0" hidden="1">'1'!$A$1:$P$53</definedName>
    <definedName name="_xlnm._FilterDatabase" localSheetId="9" hidden="1">'10'!$A$1:$P$3</definedName>
    <definedName name="_xlnm._FilterDatabase" localSheetId="10" hidden="1">'11'!$A$1:$P$3</definedName>
    <definedName name="_xlnm._FilterDatabase" localSheetId="11" hidden="1">'12'!$A$1:$P$3</definedName>
    <definedName name="_xlnm._FilterDatabase" localSheetId="12" hidden="1">'13'!$A$1:$P$3</definedName>
    <definedName name="_xlnm._FilterDatabase" localSheetId="1" hidden="1">'2'!$A$1:$P$3</definedName>
    <definedName name="_xlnm._FilterDatabase" localSheetId="2" hidden="1">'3'!$A$1:$P$3</definedName>
    <definedName name="_xlnm._FilterDatabase" localSheetId="3" hidden="1">'4'!$A$1:$P$3</definedName>
    <definedName name="_xlnm._FilterDatabase" localSheetId="4" hidden="1">'5'!$A$1:$P$3</definedName>
    <definedName name="_xlnm._FilterDatabase" localSheetId="5" hidden="1">'6'!$A$1:$P$3</definedName>
    <definedName name="_xlnm._FilterDatabase" localSheetId="6" hidden="1">'7'!$A$1:$P$3</definedName>
    <definedName name="_xlnm._FilterDatabase" localSheetId="7" hidden="1">'8'!$A$1:$P$3</definedName>
    <definedName name="_xlnm._FilterDatabase" localSheetId="8" hidden="1">'9'!$A$1:$P$3</definedName>
    <definedName name="_xlnm.Print_Area" localSheetId="0">'1'!$A$1:$AK$53</definedName>
    <definedName name="_xlnm.Print_Area" localSheetId="9">'10'!$A$1:$AK$53</definedName>
    <definedName name="_xlnm.Print_Area" localSheetId="10">'11'!$A$1:$AK$53</definedName>
    <definedName name="_xlnm.Print_Area" localSheetId="11">'12'!$A$1:$AK$53</definedName>
    <definedName name="_xlnm.Print_Area" localSheetId="12">'13'!$A$1:$AK$53</definedName>
    <definedName name="_xlnm.Print_Area" localSheetId="1">'2'!$A$1:$AK$53</definedName>
    <definedName name="_xlnm.Print_Area" localSheetId="2">'3'!$A$1:$AK$53</definedName>
    <definedName name="_xlnm.Print_Area" localSheetId="3">'4'!$A$1:$AK$53</definedName>
    <definedName name="_xlnm.Print_Area" localSheetId="4">'5'!$A$1:$AK$53</definedName>
    <definedName name="_xlnm.Print_Area" localSheetId="5">'6'!$A$1:$AK$53</definedName>
    <definedName name="_xlnm.Print_Area" localSheetId="6">'7'!$A$1:$AK$53</definedName>
    <definedName name="_xlnm.Print_Area" localSheetId="7">'8'!$A$1:$AK$53</definedName>
    <definedName name="_xlnm.Print_Area" localSheetId="8">'9'!$A$1:$AK$53</definedName>
    <definedName name="_xlnm.Print_Titles" localSheetId="0">'1'!$1:$3</definedName>
    <definedName name="_xlnm.Print_Titles" localSheetId="9">'10'!$1:$3</definedName>
    <definedName name="_xlnm.Print_Titles" localSheetId="10">'11'!$1:$3</definedName>
    <definedName name="_xlnm.Print_Titles" localSheetId="11">'12'!$1:$3</definedName>
    <definedName name="_xlnm.Print_Titles" localSheetId="12">'13'!$1:$3</definedName>
    <definedName name="_xlnm.Print_Titles" localSheetId="1">'2'!$1:$3</definedName>
    <definedName name="_xlnm.Print_Titles" localSheetId="2">'3'!$1:$3</definedName>
    <definedName name="_xlnm.Print_Titles" localSheetId="3">'4'!$1:$3</definedName>
    <definedName name="_xlnm.Print_Titles" localSheetId="4">'5'!$1:$3</definedName>
    <definedName name="_xlnm.Print_Titles" localSheetId="5">'6'!$1:$3</definedName>
    <definedName name="_xlnm.Print_Titles" localSheetId="6">'7'!$1:$3</definedName>
    <definedName name="_xlnm.Print_Titles" localSheetId="7">'8'!$1:$3</definedName>
    <definedName name="_xlnm.Print_Titles" localSheetId="8">'9'!$1:$3</definedName>
  </definedNames>
  <calcPr calcId="179017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587" uniqueCount="1106">
  <si>
    <t>PCS</t>
  </si>
  <si>
    <t>GS</t>
  </si>
  <si>
    <t>SC</t>
  </si>
  <si>
    <t>SS</t>
  </si>
  <si>
    <t>CS</t>
  </si>
  <si>
    <t>Trestle Repair Table</t>
  </si>
  <si>
    <t>N</t>
  </si>
  <si>
    <t>S</t>
  </si>
  <si>
    <t>Area (SF)</t>
  </si>
  <si>
    <t>298W</t>
  </si>
  <si>
    <t>298E</t>
  </si>
  <si>
    <t>303W</t>
  </si>
  <si>
    <t>303E</t>
  </si>
  <si>
    <t>304E</t>
  </si>
  <si>
    <t>305E</t>
  </si>
  <si>
    <t>307E</t>
  </si>
  <si>
    <t>317E</t>
  </si>
  <si>
    <t>325W</t>
  </si>
  <si>
    <t>329E</t>
  </si>
  <si>
    <t>329W</t>
  </si>
  <si>
    <t>330W</t>
  </si>
  <si>
    <t>331W</t>
  </si>
  <si>
    <t>332W</t>
  </si>
  <si>
    <t>336E</t>
  </si>
  <si>
    <t>339E</t>
  </si>
  <si>
    <t>341W</t>
  </si>
  <si>
    <t>341E</t>
  </si>
  <si>
    <t>342E</t>
  </si>
  <si>
    <t>344E</t>
  </si>
  <si>
    <t>347E</t>
  </si>
  <si>
    <t>348W</t>
  </si>
  <si>
    <t>355E</t>
  </si>
  <si>
    <t>356E</t>
  </si>
  <si>
    <t>356W</t>
  </si>
  <si>
    <t>357E</t>
  </si>
  <si>
    <t>358W</t>
  </si>
  <si>
    <t>359E</t>
  </si>
  <si>
    <t>360E</t>
  </si>
  <si>
    <t>368E</t>
  </si>
  <si>
    <t>380W</t>
  </si>
  <si>
    <t>390E</t>
  </si>
  <si>
    <t>390W</t>
  </si>
  <si>
    <t>398W</t>
  </si>
  <si>
    <t>400E</t>
  </si>
  <si>
    <t>400W</t>
  </si>
  <si>
    <t>402W</t>
  </si>
  <si>
    <t>404E</t>
  </si>
  <si>
    <t>408E</t>
  </si>
  <si>
    <t>412W</t>
  </si>
  <si>
    <t>422E</t>
  </si>
  <si>
    <t>422W</t>
  </si>
  <si>
    <t>424E</t>
  </si>
  <si>
    <t>426W</t>
  </si>
  <si>
    <t>430E</t>
  </si>
  <si>
    <t>431E</t>
  </si>
  <si>
    <t>435W</t>
  </si>
  <si>
    <t>435E</t>
  </si>
  <si>
    <t>442W</t>
  </si>
  <si>
    <t>443E</t>
  </si>
  <si>
    <t>444W</t>
  </si>
  <si>
    <t>444E</t>
  </si>
  <si>
    <t>446W</t>
  </si>
  <si>
    <t>448E</t>
  </si>
  <si>
    <t>458W</t>
  </si>
  <si>
    <t>459W</t>
  </si>
  <si>
    <t>460E</t>
  </si>
  <si>
    <t>462W</t>
  </si>
  <si>
    <t>466W</t>
  </si>
  <si>
    <t>484W</t>
  </si>
  <si>
    <t>496W</t>
  </si>
  <si>
    <t>519E</t>
  </si>
  <si>
    <t>546W</t>
  </si>
  <si>
    <t>546E*</t>
  </si>
  <si>
    <t>551W</t>
  </si>
  <si>
    <t>552W</t>
  </si>
  <si>
    <t>561E</t>
  </si>
  <si>
    <t>563W</t>
  </si>
  <si>
    <t>564E</t>
  </si>
  <si>
    <t>568E</t>
  </si>
  <si>
    <t>569E</t>
  </si>
  <si>
    <t>574E</t>
  </si>
  <si>
    <t>575W</t>
  </si>
  <si>
    <t>580E</t>
  </si>
  <si>
    <t>584E</t>
  </si>
  <si>
    <t>586E</t>
  </si>
  <si>
    <t>587W</t>
  </si>
  <si>
    <t>588E</t>
  </si>
  <si>
    <t>591W</t>
  </si>
  <si>
    <t>596E</t>
  </si>
  <si>
    <t>598E</t>
  </si>
  <si>
    <t>600E</t>
  </si>
  <si>
    <t>601E</t>
  </si>
  <si>
    <t>602E</t>
  </si>
  <si>
    <t>607E</t>
  </si>
  <si>
    <t>612E</t>
  </si>
  <si>
    <t>613W</t>
  </si>
  <si>
    <t>614E</t>
  </si>
  <si>
    <t>623E</t>
  </si>
  <si>
    <t>624E</t>
  </si>
  <si>
    <t>626E</t>
  </si>
  <si>
    <t>632E</t>
  </si>
  <si>
    <t>636E</t>
  </si>
  <si>
    <t>640E</t>
  </si>
  <si>
    <t>641E</t>
  </si>
  <si>
    <t>644E</t>
  </si>
  <si>
    <t>649E</t>
  </si>
  <si>
    <t>652E</t>
  </si>
  <si>
    <t>662E</t>
  </si>
  <si>
    <t>668E</t>
  </si>
  <si>
    <t>673E</t>
  </si>
  <si>
    <t>681E</t>
  </si>
  <si>
    <t>683E</t>
  </si>
  <si>
    <t>684E</t>
  </si>
  <si>
    <t>690E</t>
  </si>
  <si>
    <t>692E</t>
  </si>
  <si>
    <t>694E</t>
  </si>
  <si>
    <t>695W</t>
  </si>
  <si>
    <t>699E</t>
  </si>
  <si>
    <t>706E</t>
  </si>
  <si>
    <t>718W</t>
  </si>
  <si>
    <t>719W</t>
  </si>
  <si>
    <t>722E</t>
  </si>
  <si>
    <t>737E</t>
  </si>
  <si>
    <t>743E</t>
  </si>
  <si>
    <t>745E</t>
  </si>
  <si>
    <t>751E</t>
  </si>
  <si>
    <t>753E</t>
  </si>
  <si>
    <t>757E</t>
  </si>
  <si>
    <t>759E</t>
  </si>
  <si>
    <t>763E</t>
  </si>
  <si>
    <t>769E</t>
  </si>
  <si>
    <t>773E</t>
  </si>
  <si>
    <t>776E</t>
  </si>
  <si>
    <t>779E</t>
  </si>
  <si>
    <t>780E*</t>
  </si>
  <si>
    <t>781E</t>
  </si>
  <si>
    <t>784W</t>
  </si>
  <si>
    <t>785E</t>
  </si>
  <si>
    <t>789W*</t>
  </si>
  <si>
    <t>794W</t>
  </si>
  <si>
    <t>795E</t>
  </si>
  <si>
    <t>798E</t>
  </si>
  <si>
    <t>799E</t>
  </si>
  <si>
    <t>799*</t>
  </si>
  <si>
    <t>809E</t>
  </si>
  <si>
    <t>823E</t>
  </si>
  <si>
    <t>827E</t>
  </si>
  <si>
    <t>829E</t>
  </si>
  <si>
    <t>836E</t>
  </si>
  <si>
    <t>839E</t>
  </si>
  <si>
    <t>847E</t>
  </si>
  <si>
    <t>853E</t>
  </si>
  <si>
    <t>853W</t>
  </si>
  <si>
    <t>857E</t>
  </si>
  <si>
    <t>860W</t>
  </si>
  <si>
    <t>862W</t>
  </si>
  <si>
    <t>863E</t>
  </si>
  <si>
    <t>864W</t>
  </si>
  <si>
    <t>867E</t>
  </si>
  <si>
    <t>868W</t>
  </si>
  <si>
    <t>870E</t>
  </si>
  <si>
    <t>874W</t>
  </si>
  <si>
    <t>877E</t>
  </si>
  <si>
    <t>881E</t>
  </si>
  <si>
    <t>882W</t>
  </si>
  <si>
    <t>883W</t>
  </si>
  <si>
    <t>891E</t>
  </si>
  <si>
    <t>895E</t>
  </si>
  <si>
    <t>897E</t>
  </si>
  <si>
    <t>905E</t>
  </si>
  <si>
    <t>909E</t>
  </si>
  <si>
    <t>923E</t>
  </si>
  <si>
    <t>934E</t>
  </si>
  <si>
    <t>936E</t>
  </si>
  <si>
    <t>939E</t>
  </si>
  <si>
    <t>956E</t>
  </si>
  <si>
    <t>957W</t>
  </si>
  <si>
    <t>961E</t>
  </si>
  <si>
    <t>963E</t>
  </si>
  <si>
    <t>965E</t>
  </si>
  <si>
    <t>966E</t>
  </si>
  <si>
    <t>969E</t>
  </si>
  <si>
    <t>971E</t>
  </si>
  <si>
    <t>972E</t>
  </si>
  <si>
    <t>975W</t>
  </si>
  <si>
    <t>977W</t>
  </si>
  <si>
    <t>978E</t>
  </si>
  <si>
    <t>979W</t>
  </si>
  <si>
    <t>983E</t>
  </si>
  <si>
    <t>984E</t>
  </si>
  <si>
    <t>984W</t>
  </si>
  <si>
    <t>990E</t>
  </si>
  <si>
    <t>991E</t>
  </si>
  <si>
    <t>995E</t>
  </si>
  <si>
    <t>1000E</t>
  </si>
  <si>
    <t>1001E</t>
  </si>
  <si>
    <t>1011E</t>
  </si>
  <si>
    <t>1017E</t>
  </si>
  <si>
    <t>1020E</t>
  </si>
  <si>
    <t>1021E</t>
  </si>
  <si>
    <t>1022E</t>
  </si>
  <si>
    <t>1023E</t>
  </si>
  <si>
    <t>1028E</t>
  </si>
  <si>
    <t>1031E</t>
  </si>
  <si>
    <t>1033E</t>
  </si>
  <si>
    <t>1036E</t>
  </si>
  <si>
    <t>1037W</t>
  </si>
  <si>
    <t>1042E</t>
  </si>
  <si>
    <t>1043*</t>
  </si>
  <si>
    <t>1044E</t>
  </si>
  <si>
    <t>1048E</t>
  </si>
  <si>
    <t>1052E</t>
  </si>
  <si>
    <t>1053E</t>
  </si>
  <si>
    <t>1057E</t>
  </si>
  <si>
    <t>1071W</t>
  </si>
  <si>
    <t>1073W</t>
  </si>
  <si>
    <t>1077W</t>
  </si>
  <si>
    <t>1078W</t>
  </si>
  <si>
    <t>1079W</t>
  </si>
  <si>
    <t>1081E</t>
  </si>
  <si>
    <t>1082W</t>
  </si>
  <si>
    <t>1089E</t>
  </si>
  <si>
    <t>1091E</t>
  </si>
  <si>
    <t>1096W</t>
  </si>
  <si>
    <t>1097W</t>
  </si>
  <si>
    <t>1100W</t>
  </si>
  <si>
    <t>1100E</t>
  </si>
  <si>
    <t>1102W</t>
  </si>
  <si>
    <t>1103E</t>
  </si>
  <si>
    <t>1104W</t>
  </si>
  <si>
    <t>1106W</t>
  </si>
  <si>
    <t>1107W</t>
  </si>
  <si>
    <t>1109W</t>
  </si>
  <si>
    <t>1109E</t>
  </si>
  <si>
    <t>1110E</t>
  </si>
  <si>
    <t>1111W</t>
  </si>
  <si>
    <t>1111E</t>
  </si>
  <si>
    <t>1113W</t>
  </si>
  <si>
    <t>1115W</t>
  </si>
  <si>
    <t>1116E</t>
  </si>
  <si>
    <t>1117E</t>
  </si>
  <si>
    <t>1118W</t>
  </si>
  <si>
    <t>1120W</t>
  </si>
  <si>
    <t>1120E</t>
  </si>
  <si>
    <t>1122W</t>
  </si>
  <si>
    <t>1122E</t>
  </si>
  <si>
    <t>1126W</t>
  </si>
  <si>
    <t>1126E</t>
  </si>
  <si>
    <t>1129E</t>
  </si>
  <si>
    <t>1131E</t>
  </si>
  <si>
    <t>1132W</t>
  </si>
  <si>
    <t>1132E</t>
  </si>
  <si>
    <t>1133W</t>
  </si>
  <si>
    <t>1135E</t>
  </si>
  <si>
    <t>1136E</t>
  </si>
  <si>
    <t>1137W</t>
  </si>
  <si>
    <t>1138E</t>
  </si>
  <si>
    <t>1139E</t>
  </si>
  <si>
    <t>1140W</t>
  </si>
  <si>
    <t/>
  </si>
  <si>
    <t>Girder/Column Number</t>
  </si>
  <si>
    <t>1141</t>
  </si>
  <si>
    <t>1140</t>
  </si>
  <si>
    <t>1139</t>
  </si>
  <si>
    <t>1138</t>
  </si>
  <si>
    <t>1137</t>
  </si>
  <si>
    <t>1135</t>
  </si>
  <si>
    <t>1134</t>
  </si>
  <si>
    <t>1133</t>
  </si>
  <si>
    <t>1132</t>
  </si>
  <si>
    <t>1131</t>
  </si>
  <si>
    <t>1130</t>
  </si>
  <si>
    <t>1129</t>
  </si>
  <si>
    <t>1128</t>
  </si>
  <si>
    <t>1127</t>
  </si>
  <si>
    <t>1126</t>
  </si>
  <si>
    <t>1125</t>
  </si>
  <si>
    <t>1124</t>
  </si>
  <si>
    <t>1123</t>
  </si>
  <si>
    <t>1122</t>
  </si>
  <si>
    <t>1121</t>
  </si>
  <si>
    <t>1120</t>
  </si>
  <si>
    <t>1119</t>
  </si>
  <si>
    <t>1118</t>
  </si>
  <si>
    <t>1117</t>
  </si>
  <si>
    <t>1116</t>
  </si>
  <si>
    <t>1115</t>
  </si>
  <si>
    <t>1114</t>
  </si>
  <si>
    <t>1113</t>
  </si>
  <si>
    <t>1112</t>
  </si>
  <si>
    <t>1111</t>
  </si>
  <si>
    <t>1110</t>
  </si>
  <si>
    <t>1109</t>
  </si>
  <si>
    <t>1108</t>
  </si>
  <si>
    <t>1107</t>
  </si>
  <si>
    <t>1106</t>
  </si>
  <si>
    <t>1105</t>
  </si>
  <si>
    <t>1104</t>
  </si>
  <si>
    <t>1103</t>
  </si>
  <si>
    <t>1102</t>
  </si>
  <si>
    <t>1101</t>
  </si>
  <si>
    <t>1100</t>
  </si>
  <si>
    <t>1099</t>
  </si>
  <si>
    <t>1098</t>
  </si>
  <si>
    <t>1097</t>
  </si>
  <si>
    <t>1096</t>
  </si>
  <si>
    <t>1095</t>
  </si>
  <si>
    <t>1094</t>
  </si>
  <si>
    <t>1093</t>
  </si>
  <si>
    <t>1092</t>
  </si>
  <si>
    <t>1091</t>
  </si>
  <si>
    <t>1090</t>
  </si>
  <si>
    <t>1089</t>
  </si>
  <si>
    <t>1088</t>
  </si>
  <si>
    <t>1087</t>
  </si>
  <si>
    <t>1086</t>
  </si>
  <si>
    <t>1085</t>
  </si>
  <si>
    <t>1084</t>
  </si>
  <si>
    <t>1083</t>
  </si>
  <si>
    <t>1082</t>
  </si>
  <si>
    <t>1081</t>
  </si>
  <si>
    <t>1080</t>
  </si>
  <si>
    <t>1079</t>
  </si>
  <si>
    <t>1078</t>
  </si>
  <si>
    <t>1077</t>
  </si>
  <si>
    <t>1076</t>
  </si>
  <si>
    <t>1075</t>
  </si>
  <si>
    <t>1074</t>
  </si>
  <si>
    <t>1073</t>
  </si>
  <si>
    <t>1072</t>
  </si>
  <si>
    <t>1071</t>
  </si>
  <si>
    <t>1070</t>
  </si>
  <si>
    <t>1069</t>
  </si>
  <si>
    <t>1068</t>
  </si>
  <si>
    <t>1067</t>
  </si>
  <si>
    <t>1066</t>
  </si>
  <si>
    <t>1065</t>
  </si>
  <si>
    <t>1064</t>
  </si>
  <si>
    <t>1063</t>
  </si>
  <si>
    <t>1062</t>
  </si>
  <si>
    <t>1061</t>
  </si>
  <si>
    <t>1060</t>
  </si>
  <si>
    <t>1059</t>
  </si>
  <si>
    <t>1058</t>
  </si>
  <si>
    <t>1057</t>
  </si>
  <si>
    <t>1056</t>
  </si>
  <si>
    <t>1055</t>
  </si>
  <si>
    <t>1054</t>
  </si>
  <si>
    <t>1053</t>
  </si>
  <si>
    <t>1052</t>
  </si>
  <si>
    <t>1051</t>
  </si>
  <si>
    <t>1050</t>
  </si>
  <si>
    <t>1049</t>
  </si>
  <si>
    <t>1048</t>
  </si>
  <si>
    <t>1047</t>
  </si>
  <si>
    <t>1046</t>
  </si>
  <si>
    <t>1045</t>
  </si>
  <si>
    <t>1044</t>
  </si>
  <si>
    <t>1043</t>
  </si>
  <si>
    <t>1042</t>
  </si>
  <si>
    <t>1041</t>
  </si>
  <si>
    <t>1040</t>
  </si>
  <si>
    <t>1039</t>
  </si>
  <si>
    <t>1038</t>
  </si>
  <si>
    <t>1037</t>
  </si>
  <si>
    <t>1036</t>
  </si>
  <si>
    <t>1035</t>
  </si>
  <si>
    <t>1034</t>
  </si>
  <si>
    <t>1033</t>
  </si>
  <si>
    <t>1032</t>
  </si>
  <si>
    <t>1031</t>
  </si>
  <si>
    <t>1029</t>
  </si>
  <si>
    <t>1028</t>
  </si>
  <si>
    <t>1027</t>
  </si>
  <si>
    <t>1026</t>
  </si>
  <si>
    <t>1025</t>
  </si>
  <si>
    <t>1024</t>
  </si>
  <si>
    <t>1023</t>
  </si>
  <si>
    <t>1022</t>
  </si>
  <si>
    <t>1021</t>
  </si>
  <si>
    <t>1020</t>
  </si>
  <si>
    <t>1019</t>
  </si>
  <si>
    <t>1018</t>
  </si>
  <si>
    <t>1017</t>
  </si>
  <si>
    <t>1016</t>
  </si>
  <si>
    <t>1015</t>
  </si>
  <si>
    <t>1014</t>
  </si>
  <si>
    <t>1013</t>
  </si>
  <si>
    <t>1012</t>
  </si>
  <si>
    <t>1011</t>
  </si>
  <si>
    <t>1010</t>
  </si>
  <si>
    <t>1009</t>
  </si>
  <si>
    <t>1008</t>
  </si>
  <si>
    <t>1007</t>
  </si>
  <si>
    <t>1006</t>
  </si>
  <si>
    <t>1005</t>
  </si>
  <si>
    <t>1004</t>
  </si>
  <si>
    <t>1003</t>
  </si>
  <si>
    <t>1002</t>
  </si>
  <si>
    <t>1001</t>
  </si>
  <si>
    <t>999</t>
  </si>
  <si>
    <t>998</t>
  </si>
  <si>
    <t>997</t>
  </si>
  <si>
    <t>996</t>
  </si>
  <si>
    <t>995</t>
  </si>
  <si>
    <t>994</t>
  </si>
  <si>
    <t>993</t>
  </si>
  <si>
    <t>992</t>
  </si>
  <si>
    <t>991</t>
  </si>
  <si>
    <t>990</t>
  </si>
  <si>
    <t>989</t>
  </si>
  <si>
    <t>988</t>
  </si>
  <si>
    <t>987</t>
  </si>
  <si>
    <t>986</t>
  </si>
  <si>
    <t>985</t>
  </si>
  <si>
    <t>984</t>
  </si>
  <si>
    <t>983</t>
  </si>
  <si>
    <t>982</t>
  </si>
  <si>
    <t>981</t>
  </si>
  <si>
    <t>980</t>
  </si>
  <si>
    <t>979</t>
  </si>
  <si>
    <t>978</t>
  </si>
  <si>
    <t>977</t>
  </si>
  <si>
    <t>976</t>
  </si>
  <si>
    <t>975</t>
  </si>
  <si>
    <t>974</t>
  </si>
  <si>
    <t>973</t>
  </si>
  <si>
    <t>972</t>
  </si>
  <si>
    <t>971</t>
  </si>
  <si>
    <t>970</t>
  </si>
  <si>
    <t>969</t>
  </si>
  <si>
    <t>968</t>
  </si>
  <si>
    <t>967</t>
  </si>
  <si>
    <t>966</t>
  </si>
  <si>
    <t>965</t>
  </si>
  <si>
    <t>964</t>
  </si>
  <si>
    <t>963</t>
  </si>
  <si>
    <t>962</t>
  </si>
  <si>
    <t>961</t>
  </si>
  <si>
    <t>960</t>
  </si>
  <si>
    <t>959</t>
  </si>
  <si>
    <t>958</t>
  </si>
  <si>
    <t>957</t>
  </si>
  <si>
    <t>956</t>
  </si>
  <si>
    <t>955</t>
  </si>
  <si>
    <t>954</t>
  </si>
  <si>
    <t>953</t>
  </si>
  <si>
    <t>952</t>
  </si>
  <si>
    <t>951</t>
  </si>
  <si>
    <t>950</t>
  </si>
  <si>
    <t>949</t>
  </si>
  <si>
    <t>948</t>
  </si>
  <si>
    <t>947</t>
  </si>
  <si>
    <t>946</t>
  </si>
  <si>
    <t>945</t>
  </si>
  <si>
    <t>944</t>
  </si>
  <si>
    <t>943</t>
  </si>
  <si>
    <t>942</t>
  </si>
  <si>
    <t>941</t>
  </si>
  <si>
    <t>940</t>
  </si>
  <si>
    <t>939</t>
  </si>
  <si>
    <t>938</t>
  </si>
  <si>
    <t>937</t>
  </si>
  <si>
    <t>936</t>
  </si>
  <si>
    <t>935</t>
  </si>
  <si>
    <t>934</t>
  </si>
  <si>
    <t>933</t>
  </si>
  <si>
    <t>932</t>
  </si>
  <si>
    <t>931</t>
  </si>
  <si>
    <t>930</t>
  </si>
  <si>
    <t>929</t>
  </si>
  <si>
    <t>928</t>
  </si>
  <si>
    <t>927</t>
  </si>
  <si>
    <t>926</t>
  </si>
  <si>
    <t>925</t>
  </si>
  <si>
    <t>924</t>
  </si>
  <si>
    <t>923</t>
  </si>
  <si>
    <t>922</t>
  </si>
  <si>
    <t>921</t>
  </si>
  <si>
    <t>920</t>
  </si>
  <si>
    <t>919</t>
  </si>
  <si>
    <t>918</t>
  </si>
  <si>
    <t>917</t>
  </si>
  <si>
    <t>916</t>
  </si>
  <si>
    <t>915</t>
  </si>
  <si>
    <t>914</t>
  </si>
  <si>
    <t>913</t>
  </si>
  <si>
    <t>912</t>
  </si>
  <si>
    <t>911</t>
  </si>
  <si>
    <t>910</t>
  </si>
  <si>
    <t>909</t>
  </si>
  <si>
    <t>908</t>
  </si>
  <si>
    <t>907</t>
  </si>
  <si>
    <t>906</t>
  </si>
  <si>
    <t>905</t>
  </si>
  <si>
    <t>904</t>
  </si>
  <si>
    <t>903</t>
  </si>
  <si>
    <t>902</t>
  </si>
  <si>
    <t>901</t>
  </si>
  <si>
    <t>900</t>
  </si>
  <si>
    <t>899</t>
  </si>
  <si>
    <t>898</t>
  </si>
  <si>
    <t>897</t>
  </si>
  <si>
    <t>896</t>
  </si>
  <si>
    <t>895</t>
  </si>
  <si>
    <t>894</t>
  </si>
  <si>
    <t>893</t>
  </si>
  <si>
    <t>892</t>
  </si>
  <si>
    <t>891</t>
  </si>
  <si>
    <t>890</t>
  </si>
  <si>
    <t>889</t>
  </si>
  <si>
    <t>888</t>
  </si>
  <si>
    <t>887</t>
  </si>
  <si>
    <t>886</t>
  </si>
  <si>
    <t>885</t>
  </si>
  <si>
    <t>884</t>
  </si>
  <si>
    <t>883</t>
  </si>
  <si>
    <t>882</t>
  </si>
  <si>
    <t>881</t>
  </si>
  <si>
    <t>880</t>
  </si>
  <si>
    <t>879</t>
  </si>
  <si>
    <t>878</t>
  </si>
  <si>
    <t>877</t>
  </si>
  <si>
    <t>876</t>
  </si>
  <si>
    <t>875</t>
  </si>
  <si>
    <t>874</t>
  </si>
  <si>
    <t>873</t>
  </si>
  <si>
    <t>872</t>
  </si>
  <si>
    <t>871</t>
  </si>
  <si>
    <t>870</t>
  </si>
  <si>
    <t>869</t>
  </si>
  <si>
    <t>868</t>
  </si>
  <si>
    <t>867</t>
  </si>
  <si>
    <t>866</t>
  </si>
  <si>
    <t>865</t>
  </si>
  <si>
    <t>864</t>
  </si>
  <si>
    <t>863</t>
  </si>
  <si>
    <t>862</t>
  </si>
  <si>
    <t>861</t>
  </si>
  <si>
    <t>860</t>
  </si>
  <si>
    <t>859</t>
  </si>
  <si>
    <t>858</t>
  </si>
  <si>
    <t>857</t>
  </si>
  <si>
    <t>856</t>
  </si>
  <si>
    <t>855</t>
  </si>
  <si>
    <t>854</t>
  </si>
  <si>
    <t>853</t>
  </si>
  <si>
    <t>852</t>
  </si>
  <si>
    <t>851</t>
  </si>
  <si>
    <t>850</t>
  </si>
  <si>
    <t>849</t>
  </si>
  <si>
    <t>848</t>
  </si>
  <si>
    <t>847</t>
  </si>
  <si>
    <t>846</t>
  </si>
  <si>
    <t>845</t>
  </si>
  <si>
    <t>844</t>
  </si>
  <si>
    <t>843</t>
  </si>
  <si>
    <t>842</t>
  </si>
  <si>
    <t>841</t>
  </si>
  <si>
    <t>840</t>
  </si>
  <si>
    <t>839</t>
  </si>
  <si>
    <t>838</t>
  </si>
  <si>
    <t>837</t>
  </si>
  <si>
    <t>836</t>
  </si>
  <si>
    <t>835</t>
  </si>
  <si>
    <t>834</t>
  </si>
  <si>
    <t>833</t>
  </si>
  <si>
    <t>832</t>
  </si>
  <si>
    <t>831</t>
  </si>
  <si>
    <t>830</t>
  </si>
  <si>
    <t>829</t>
  </si>
  <si>
    <t>828</t>
  </si>
  <si>
    <t>827</t>
  </si>
  <si>
    <t>826</t>
  </si>
  <si>
    <t>825</t>
  </si>
  <si>
    <t>824</t>
  </si>
  <si>
    <t>823</t>
  </si>
  <si>
    <t>822</t>
  </si>
  <si>
    <t>821</t>
  </si>
  <si>
    <t>820</t>
  </si>
  <si>
    <t>819</t>
  </si>
  <si>
    <t>818</t>
  </si>
  <si>
    <t>817</t>
  </si>
  <si>
    <t>816</t>
  </si>
  <si>
    <t>815</t>
  </si>
  <si>
    <t>814</t>
  </si>
  <si>
    <t>813</t>
  </si>
  <si>
    <t>812</t>
  </si>
  <si>
    <t>811</t>
  </si>
  <si>
    <t>810</t>
  </si>
  <si>
    <t>809</t>
  </si>
  <si>
    <t>808</t>
  </si>
  <si>
    <t>807</t>
  </si>
  <si>
    <t>806</t>
  </si>
  <si>
    <t>805</t>
  </si>
  <si>
    <t>804</t>
  </si>
  <si>
    <t>803</t>
  </si>
  <si>
    <t>802</t>
  </si>
  <si>
    <t>801</t>
  </si>
  <si>
    <t>800</t>
  </si>
  <si>
    <t>799</t>
  </si>
  <si>
    <t>798</t>
  </si>
  <si>
    <t>797</t>
  </si>
  <si>
    <t>796</t>
  </si>
  <si>
    <t>795</t>
  </si>
  <si>
    <t>794</t>
  </si>
  <si>
    <t>793</t>
  </si>
  <si>
    <t>792</t>
  </si>
  <si>
    <t>791</t>
  </si>
  <si>
    <t>790</t>
  </si>
  <si>
    <t>789</t>
  </si>
  <si>
    <t>788</t>
  </si>
  <si>
    <t>787</t>
  </si>
  <si>
    <t>786</t>
  </si>
  <si>
    <t>785</t>
  </si>
  <si>
    <t>784</t>
  </si>
  <si>
    <t>783</t>
  </si>
  <si>
    <t>782</t>
  </si>
  <si>
    <t>781</t>
  </si>
  <si>
    <t>780</t>
  </si>
  <si>
    <t>779</t>
  </si>
  <si>
    <t>778</t>
  </si>
  <si>
    <t>777</t>
  </si>
  <si>
    <t>776</t>
  </si>
  <si>
    <t>775</t>
  </si>
  <si>
    <t>774</t>
  </si>
  <si>
    <t>773</t>
  </si>
  <si>
    <t>772</t>
  </si>
  <si>
    <t>771</t>
  </si>
  <si>
    <t>770</t>
  </si>
  <si>
    <t>769</t>
  </si>
  <si>
    <t>768</t>
  </si>
  <si>
    <t>767</t>
  </si>
  <si>
    <t>766</t>
  </si>
  <si>
    <t>765</t>
  </si>
  <si>
    <t>764</t>
  </si>
  <si>
    <t>763</t>
  </si>
  <si>
    <t>762</t>
  </si>
  <si>
    <t>761</t>
  </si>
  <si>
    <t>760</t>
  </si>
  <si>
    <t>759</t>
  </si>
  <si>
    <t>758</t>
  </si>
  <si>
    <t>757</t>
  </si>
  <si>
    <t>756</t>
  </si>
  <si>
    <t>755</t>
  </si>
  <si>
    <t>754</t>
  </si>
  <si>
    <t>753</t>
  </si>
  <si>
    <t>752</t>
  </si>
  <si>
    <t>751</t>
  </si>
  <si>
    <t>750</t>
  </si>
  <si>
    <t>749</t>
  </si>
  <si>
    <t>748</t>
  </si>
  <si>
    <t>747</t>
  </si>
  <si>
    <t>746</t>
  </si>
  <si>
    <t>745</t>
  </si>
  <si>
    <t>744</t>
  </si>
  <si>
    <t>743</t>
  </si>
  <si>
    <t>742</t>
  </si>
  <si>
    <t>741</t>
  </si>
  <si>
    <t>740</t>
  </si>
  <si>
    <t>739</t>
  </si>
  <si>
    <t>738</t>
  </si>
  <si>
    <t>737</t>
  </si>
  <si>
    <t>736</t>
  </si>
  <si>
    <t>735</t>
  </si>
  <si>
    <t>734</t>
  </si>
  <si>
    <t>733</t>
  </si>
  <si>
    <t>732</t>
  </si>
  <si>
    <t>731</t>
  </si>
  <si>
    <t>730</t>
  </si>
  <si>
    <t>729</t>
  </si>
  <si>
    <t>728</t>
  </si>
  <si>
    <t>727</t>
  </si>
  <si>
    <t>726</t>
  </si>
  <si>
    <t>725</t>
  </si>
  <si>
    <t>724</t>
  </si>
  <si>
    <t>723</t>
  </si>
  <si>
    <t>722</t>
  </si>
  <si>
    <t>721</t>
  </si>
  <si>
    <t>720</t>
  </si>
  <si>
    <t>719</t>
  </si>
  <si>
    <t>718</t>
  </si>
  <si>
    <t>717</t>
  </si>
  <si>
    <t>716</t>
  </si>
  <si>
    <t>715</t>
  </si>
  <si>
    <t>714</t>
  </si>
  <si>
    <t>713</t>
  </si>
  <si>
    <t>712</t>
  </si>
  <si>
    <t>711</t>
  </si>
  <si>
    <t>710</t>
  </si>
  <si>
    <t>709</t>
  </si>
  <si>
    <t>708</t>
  </si>
  <si>
    <t>707</t>
  </si>
  <si>
    <t>706</t>
  </si>
  <si>
    <t>705</t>
  </si>
  <si>
    <t>704</t>
  </si>
  <si>
    <t>703</t>
  </si>
  <si>
    <t>702</t>
  </si>
  <si>
    <t>701</t>
  </si>
  <si>
    <t>700</t>
  </si>
  <si>
    <t>699</t>
  </si>
  <si>
    <t>698</t>
  </si>
  <si>
    <t>697</t>
  </si>
  <si>
    <t>696</t>
  </si>
  <si>
    <t>695</t>
  </si>
  <si>
    <t>694</t>
  </si>
  <si>
    <t>693</t>
  </si>
  <si>
    <t>692</t>
  </si>
  <si>
    <t>691</t>
  </si>
  <si>
    <t>690</t>
  </si>
  <si>
    <t>689</t>
  </si>
  <si>
    <t>688</t>
  </si>
  <si>
    <t>687</t>
  </si>
  <si>
    <t>686</t>
  </si>
  <si>
    <t>685</t>
  </si>
  <si>
    <t>684</t>
  </si>
  <si>
    <t>683</t>
  </si>
  <si>
    <t>682</t>
  </si>
  <si>
    <t>681</t>
  </si>
  <si>
    <t>680</t>
  </si>
  <si>
    <t>679</t>
  </si>
  <si>
    <t>678</t>
  </si>
  <si>
    <t>677</t>
  </si>
  <si>
    <t>676</t>
  </si>
  <si>
    <t>675</t>
  </si>
  <si>
    <t>674</t>
  </si>
  <si>
    <t>673</t>
  </si>
  <si>
    <t>672</t>
  </si>
  <si>
    <t>671</t>
  </si>
  <si>
    <t>670</t>
  </si>
  <si>
    <t>669</t>
  </si>
  <si>
    <t>668</t>
  </si>
  <si>
    <t>667</t>
  </si>
  <si>
    <t>666</t>
  </si>
  <si>
    <t>665</t>
  </si>
  <si>
    <t>664</t>
  </si>
  <si>
    <t>663</t>
  </si>
  <si>
    <t>662</t>
  </si>
  <si>
    <t>661</t>
  </si>
  <si>
    <t>660</t>
  </si>
  <si>
    <t>659</t>
  </si>
  <si>
    <t>658</t>
  </si>
  <si>
    <t>657</t>
  </si>
  <si>
    <t>656</t>
  </si>
  <si>
    <t>655</t>
  </si>
  <si>
    <t>654</t>
  </si>
  <si>
    <t>653</t>
  </si>
  <si>
    <t>652</t>
  </si>
  <si>
    <t>651</t>
  </si>
  <si>
    <t>650</t>
  </si>
  <si>
    <t>649</t>
  </si>
  <si>
    <t>648</t>
  </si>
  <si>
    <t>647</t>
  </si>
  <si>
    <t>646</t>
  </si>
  <si>
    <t>645</t>
  </si>
  <si>
    <t>644</t>
  </si>
  <si>
    <t>643</t>
  </si>
  <si>
    <t>642</t>
  </si>
  <si>
    <t>641</t>
  </si>
  <si>
    <t>640</t>
  </si>
  <si>
    <t>639</t>
  </si>
  <si>
    <t>638</t>
  </si>
  <si>
    <t>637</t>
  </si>
  <si>
    <t>636</t>
  </si>
  <si>
    <t>635</t>
  </si>
  <si>
    <t>634</t>
  </si>
  <si>
    <t>633</t>
  </si>
  <si>
    <t>632</t>
  </si>
  <si>
    <t>631</t>
  </si>
  <si>
    <t>630</t>
  </si>
  <si>
    <t>629</t>
  </si>
  <si>
    <t>628</t>
  </si>
  <si>
    <t>627</t>
  </si>
  <si>
    <t>626</t>
  </si>
  <si>
    <t>625</t>
  </si>
  <si>
    <t>624</t>
  </si>
  <si>
    <t>623</t>
  </si>
  <si>
    <t>622</t>
  </si>
  <si>
    <t>621</t>
  </si>
  <si>
    <t>620</t>
  </si>
  <si>
    <t>619</t>
  </si>
  <si>
    <t>618</t>
  </si>
  <si>
    <t>617</t>
  </si>
  <si>
    <t>616</t>
  </si>
  <si>
    <t>615</t>
  </si>
  <si>
    <t>614</t>
  </si>
  <si>
    <t>613</t>
  </si>
  <si>
    <t>612</t>
  </si>
  <si>
    <t>611</t>
  </si>
  <si>
    <t>610</t>
  </si>
  <si>
    <t>609</t>
  </si>
  <si>
    <t>608</t>
  </si>
  <si>
    <t>607</t>
  </si>
  <si>
    <t>606</t>
  </si>
  <si>
    <t>605</t>
  </si>
  <si>
    <t>604</t>
  </si>
  <si>
    <t>603</t>
  </si>
  <si>
    <t>602</t>
  </si>
  <si>
    <t>601</t>
  </si>
  <si>
    <t>600</t>
  </si>
  <si>
    <t>599</t>
  </si>
  <si>
    <t>598</t>
  </si>
  <si>
    <t>597</t>
  </si>
  <si>
    <t>596</t>
  </si>
  <si>
    <t>595</t>
  </si>
  <si>
    <t>594</t>
  </si>
  <si>
    <t>593</t>
  </si>
  <si>
    <t>592</t>
  </si>
  <si>
    <t>591</t>
  </si>
  <si>
    <t>590</t>
  </si>
  <si>
    <t>589</t>
  </si>
  <si>
    <t>588</t>
  </si>
  <si>
    <t>587</t>
  </si>
  <si>
    <t>586</t>
  </si>
  <si>
    <t>585</t>
  </si>
  <si>
    <t>584</t>
  </si>
  <si>
    <t>583</t>
  </si>
  <si>
    <t>582</t>
  </si>
  <si>
    <t>581</t>
  </si>
  <si>
    <t>580</t>
  </si>
  <si>
    <t>579</t>
  </si>
  <si>
    <t>578</t>
  </si>
  <si>
    <t>577</t>
  </si>
  <si>
    <t>576</t>
  </si>
  <si>
    <t>575</t>
  </si>
  <si>
    <t>574</t>
  </si>
  <si>
    <t>573</t>
  </si>
  <si>
    <t>572</t>
  </si>
  <si>
    <t>571</t>
  </si>
  <si>
    <t>570</t>
  </si>
  <si>
    <t>569</t>
  </si>
  <si>
    <t>568</t>
  </si>
  <si>
    <t>567</t>
  </si>
  <si>
    <t>566</t>
  </si>
  <si>
    <t>565</t>
  </si>
  <si>
    <t>564</t>
  </si>
  <si>
    <t>563</t>
  </si>
  <si>
    <t>562</t>
  </si>
  <si>
    <t>561</t>
  </si>
  <si>
    <t>560</t>
  </si>
  <si>
    <t>559</t>
  </si>
  <si>
    <t>558</t>
  </si>
  <si>
    <t>557</t>
  </si>
  <si>
    <t>556</t>
  </si>
  <si>
    <t>555</t>
  </si>
  <si>
    <t>554</t>
  </si>
  <si>
    <t>553</t>
  </si>
  <si>
    <t>552</t>
  </si>
  <si>
    <t>551</t>
  </si>
  <si>
    <t>550</t>
  </si>
  <si>
    <t>549</t>
  </si>
  <si>
    <t>548</t>
  </si>
  <si>
    <t>547</t>
  </si>
  <si>
    <t>546</t>
  </si>
  <si>
    <t>545</t>
  </si>
  <si>
    <t>544</t>
  </si>
  <si>
    <t>543</t>
  </si>
  <si>
    <t>542</t>
  </si>
  <si>
    <t>541</t>
  </si>
  <si>
    <t>540</t>
  </si>
  <si>
    <t>539</t>
  </si>
  <si>
    <t>538</t>
  </si>
  <si>
    <t>537</t>
  </si>
  <si>
    <t>536</t>
  </si>
  <si>
    <t>535</t>
  </si>
  <si>
    <t>534</t>
  </si>
  <si>
    <t>533</t>
  </si>
  <si>
    <t>532</t>
  </si>
  <si>
    <t>531</t>
  </si>
  <si>
    <t>530</t>
  </si>
  <si>
    <t>529</t>
  </si>
  <si>
    <t>528</t>
  </si>
  <si>
    <t>527</t>
  </si>
  <si>
    <t>526</t>
  </si>
  <si>
    <t>525</t>
  </si>
  <si>
    <t>524</t>
  </si>
  <si>
    <t>523</t>
  </si>
  <si>
    <t>522</t>
  </si>
  <si>
    <t>521</t>
  </si>
  <si>
    <t>520</t>
  </si>
  <si>
    <t>518</t>
  </si>
  <si>
    <t>517</t>
  </si>
  <si>
    <t>516</t>
  </si>
  <si>
    <t>515</t>
  </si>
  <si>
    <t>514</t>
  </si>
  <si>
    <t>513</t>
  </si>
  <si>
    <t>512</t>
  </si>
  <si>
    <t>511</t>
  </si>
  <si>
    <t>510</t>
  </si>
  <si>
    <t>509</t>
  </si>
  <si>
    <t>508</t>
  </si>
  <si>
    <t>507</t>
  </si>
  <si>
    <t>506</t>
  </si>
  <si>
    <t>505</t>
  </si>
  <si>
    <t>504</t>
  </si>
  <si>
    <t>503</t>
  </si>
  <si>
    <t>502</t>
  </si>
  <si>
    <t>501</t>
  </si>
  <si>
    <t>500</t>
  </si>
  <si>
    <t>499</t>
  </si>
  <si>
    <t>498</t>
  </si>
  <si>
    <t>497</t>
  </si>
  <si>
    <t>496</t>
  </si>
  <si>
    <t>495</t>
  </si>
  <si>
    <t>494</t>
  </si>
  <si>
    <t>493</t>
  </si>
  <si>
    <t>492</t>
  </si>
  <si>
    <t>491</t>
  </si>
  <si>
    <t>490</t>
  </si>
  <si>
    <t>489</t>
  </si>
  <si>
    <t>488</t>
  </si>
  <si>
    <t>487</t>
  </si>
  <si>
    <t>486</t>
  </si>
  <si>
    <t>485</t>
  </si>
  <si>
    <t>484</t>
  </si>
  <si>
    <t>483</t>
  </si>
  <si>
    <t>482</t>
  </si>
  <si>
    <t>481</t>
  </si>
  <si>
    <t>480</t>
  </si>
  <si>
    <t>479</t>
  </si>
  <si>
    <t>478</t>
  </si>
  <si>
    <t>477</t>
  </si>
  <si>
    <t>476</t>
  </si>
  <si>
    <t>475</t>
  </si>
  <si>
    <t>474</t>
  </si>
  <si>
    <t>473</t>
  </si>
  <si>
    <t>472</t>
  </si>
  <si>
    <t>471</t>
  </si>
  <si>
    <t>470</t>
  </si>
  <si>
    <t>469</t>
  </si>
  <si>
    <t>468</t>
  </si>
  <si>
    <t>467</t>
  </si>
  <si>
    <t>465</t>
  </si>
  <si>
    <t>464</t>
  </si>
  <si>
    <t>463</t>
  </si>
  <si>
    <t>462</t>
  </si>
  <si>
    <t>461</t>
  </si>
  <si>
    <t>460</t>
  </si>
  <si>
    <t>459</t>
  </si>
  <si>
    <t>458</t>
  </si>
  <si>
    <t>457</t>
  </si>
  <si>
    <t>456</t>
  </si>
  <si>
    <t>455</t>
  </si>
  <si>
    <t>454</t>
  </si>
  <si>
    <t>453</t>
  </si>
  <si>
    <t>452</t>
  </si>
  <si>
    <t>451</t>
  </si>
  <si>
    <t>450</t>
  </si>
  <si>
    <t>449</t>
  </si>
  <si>
    <t>448</t>
  </si>
  <si>
    <t>447</t>
  </si>
  <si>
    <t>446</t>
  </si>
  <si>
    <t>445</t>
  </si>
  <si>
    <t>444</t>
  </si>
  <si>
    <t>443</t>
  </si>
  <si>
    <t>442</t>
  </si>
  <si>
    <t>441</t>
  </si>
  <si>
    <t>440</t>
  </si>
  <si>
    <t>439</t>
  </si>
  <si>
    <t>438</t>
  </si>
  <si>
    <t>437</t>
  </si>
  <si>
    <t>436</t>
  </si>
  <si>
    <t>435</t>
  </si>
  <si>
    <t>434</t>
  </si>
  <si>
    <t>433</t>
  </si>
  <si>
    <t>432</t>
  </si>
  <si>
    <t>431</t>
  </si>
  <si>
    <t>430</t>
  </si>
  <si>
    <t>429</t>
  </si>
  <si>
    <t>428</t>
  </si>
  <si>
    <t>427</t>
  </si>
  <si>
    <t>426</t>
  </si>
  <si>
    <t>425</t>
  </si>
  <si>
    <t>424</t>
  </si>
  <si>
    <t>423</t>
  </si>
  <si>
    <t>422</t>
  </si>
  <si>
    <t>421</t>
  </si>
  <si>
    <t>420</t>
  </si>
  <si>
    <t>419</t>
  </si>
  <si>
    <t>418</t>
  </si>
  <si>
    <t>417</t>
  </si>
  <si>
    <t>416</t>
  </si>
  <si>
    <t>415</t>
  </si>
  <si>
    <t>414</t>
  </si>
  <si>
    <t>413</t>
  </si>
  <si>
    <t>412</t>
  </si>
  <si>
    <t>411</t>
  </si>
  <si>
    <t>410</t>
  </si>
  <si>
    <t>409</t>
  </si>
  <si>
    <t>408</t>
  </si>
  <si>
    <t>407</t>
  </si>
  <si>
    <t>406</t>
  </si>
  <si>
    <t>405</t>
  </si>
  <si>
    <t>404</t>
  </si>
  <si>
    <t>403</t>
  </si>
  <si>
    <t>402</t>
  </si>
  <si>
    <t>401</t>
  </si>
  <si>
    <t>400</t>
  </si>
  <si>
    <t>399</t>
  </si>
  <si>
    <t>398</t>
  </si>
  <si>
    <t>397</t>
  </si>
  <si>
    <t>396</t>
  </si>
  <si>
    <t>395</t>
  </si>
  <si>
    <t>394</t>
  </si>
  <si>
    <t>393</t>
  </si>
  <si>
    <t>392</t>
  </si>
  <si>
    <t>391</t>
  </si>
  <si>
    <t>390</t>
  </si>
  <si>
    <t>389</t>
  </si>
  <si>
    <t>388</t>
  </si>
  <si>
    <t>387</t>
  </si>
  <si>
    <t>386</t>
  </si>
  <si>
    <t>385</t>
  </si>
  <si>
    <t>384</t>
  </si>
  <si>
    <t>383</t>
  </si>
  <si>
    <t>382</t>
  </si>
  <si>
    <t>381</t>
  </si>
  <si>
    <t>380</t>
  </si>
  <si>
    <t>379</t>
  </si>
  <si>
    <t>378</t>
  </si>
  <si>
    <t>377</t>
  </si>
  <si>
    <t>376</t>
  </si>
  <si>
    <t>375</t>
  </si>
  <si>
    <t>374</t>
  </si>
  <si>
    <t>373</t>
  </si>
  <si>
    <t>372</t>
  </si>
  <si>
    <t>371</t>
  </si>
  <si>
    <t>370</t>
  </si>
  <si>
    <t>369</t>
  </si>
  <si>
    <t>368</t>
  </si>
  <si>
    <t>367</t>
  </si>
  <si>
    <t>366</t>
  </si>
  <si>
    <t>365</t>
  </si>
  <si>
    <t>364</t>
  </si>
  <si>
    <t>363</t>
  </si>
  <si>
    <t>362</t>
  </si>
  <si>
    <t>361</t>
  </si>
  <si>
    <t>360</t>
  </si>
  <si>
    <t>359</t>
  </si>
  <si>
    <t>358</t>
  </si>
  <si>
    <t>357</t>
  </si>
  <si>
    <t>356</t>
  </si>
  <si>
    <t>355</t>
  </si>
  <si>
    <t>354</t>
  </si>
  <si>
    <t>353</t>
  </si>
  <si>
    <t>352</t>
  </si>
  <si>
    <t>351</t>
  </si>
  <si>
    <t>350</t>
  </si>
  <si>
    <t>349</t>
  </si>
  <si>
    <t>348</t>
  </si>
  <si>
    <t>347</t>
  </si>
  <si>
    <t>346</t>
  </si>
  <si>
    <t>345</t>
  </si>
  <si>
    <t>344</t>
  </si>
  <si>
    <t>343</t>
  </si>
  <si>
    <t>342</t>
  </si>
  <si>
    <t>341</t>
  </si>
  <si>
    <t>340</t>
  </si>
  <si>
    <t>339</t>
  </si>
  <si>
    <t>338</t>
  </si>
  <si>
    <t>337</t>
  </si>
  <si>
    <t>336</t>
  </si>
  <si>
    <t>335</t>
  </si>
  <si>
    <t>334</t>
  </si>
  <si>
    <t>333</t>
  </si>
  <si>
    <t>332</t>
  </si>
  <si>
    <t>331</t>
  </si>
  <si>
    <t>330</t>
  </si>
  <si>
    <t>329</t>
  </si>
  <si>
    <t>328</t>
  </si>
  <si>
    <t>327</t>
  </si>
  <si>
    <t>326</t>
  </si>
  <si>
    <t>325</t>
  </si>
  <si>
    <t>324</t>
  </si>
  <si>
    <t>323</t>
  </si>
  <si>
    <t>322</t>
  </si>
  <si>
    <t>321</t>
  </si>
  <si>
    <t>320</t>
  </si>
  <si>
    <t>319</t>
  </si>
  <si>
    <t>318</t>
  </si>
  <si>
    <t>317</t>
  </si>
  <si>
    <t>316</t>
  </si>
  <si>
    <t>315</t>
  </si>
  <si>
    <t>314</t>
  </si>
  <si>
    <t>313</t>
  </si>
  <si>
    <t>312</t>
  </si>
  <si>
    <t>311</t>
  </si>
  <si>
    <t>310</t>
  </si>
  <si>
    <t>309</t>
  </si>
  <si>
    <t>308</t>
  </si>
  <si>
    <t>307</t>
  </si>
  <si>
    <t>306</t>
  </si>
  <si>
    <t>305</t>
  </si>
  <si>
    <t>304</t>
  </si>
  <si>
    <t>303</t>
  </si>
  <si>
    <t>302</t>
  </si>
  <si>
    <t>301</t>
  </si>
  <si>
    <t>299</t>
  </si>
  <si>
    <t>297</t>
  </si>
  <si>
    <t>296</t>
  </si>
  <si>
    <t>295</t>
  </si>
  <si>
    <t>287</t>
  </si>
  <si>
    <t>286</t>
  </si>
  <si>
    <t>Pier/
Span</t>
  </si>
  <si>
    <t>CCC (FT)</t>
  </si>
  <si>
    <t>Crack (FT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" x14ac:knownFonts="1">
    <font>
      <sz val="11"/>
      <color theme="1"/>
      <name val="Calibri"/>
      <family val="2"/>
      <scheme val="minor"/>
    </font>
    <font>
      <sz val="8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43">
    <border>
      <left/>
      <right/>
      <top/>
      <bottom/>
      <diagonal/>
    </border>
    <border>
      <left style="medium">
        <color auto="1"/>
      </left>
      <right/>
      <top/>
      <bottom/>
      <diagonal/>
    </border>
    <border>
      <left style="dotted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/>
      <right style="dotted">
        <color auto="1"/>
      </right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hair">
        <color auto="1"/>
      </right>
      <top style="thin">
        <color auto="1"/>
      </top>
      <bottom style="dotted">
        <color auto="1"/>
      </bottom>
      <diagonal/>
    </border>
    <border>
      <left style="hair">
        <color auto="1"/>
      </left>
      <right style="hair">
        <color auto="1"/>
      </right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/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hair">
        <color auto="1"/>
      </right>
      <top style="dotted">
        <color auto="1"/>
      </top>
      <bottom style="dotted">
        <color auto="1"/>
      </bottom>
      <diagonal/>
    </border>
    <border>
      <left style="hair">
        <color auto="1"/>
      </left>
      <right style="hair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 style="thin">
        <color auto="1"/>
      </left>
      <right style="hair">
        <color auto="1"/>
      </right>
      <top style="dotted">
        <color auto="1"/>
      </top>
      <bottom style="thin">
        <color auto="1"/>
      </bottom>
      <diagonal/>
    </border>
    <border>
      <left style="hair">
        <color auto="1"/>
      </left>
      <right style="hair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 style="dotted">
        <color auto="1"/>
      </right>
      <top style="dotted">
        <color auto="1"/>
      </top>
      <bottom style="thin">
        <color auto="1"/>
      </bottom>
      <diagonal/>
    </border>
    <border>
      <left style="medium">
        <color auto="1"/>
      </left>
      <right/>
      <top style="dotted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hair">
        <color auto="1"/>
      </right>
      <top/>
      <bottom style="dotted">
        <color auto="1"/>
      </bottom>
      <diagonal/>
    </border>
    <border>
      <left style="hair">
        <color auto="1"/>
      </left>
      <right style="hair">
        <color auto="1"/>
      </right>
      <top/>
      <bottom style="dotted">
        <color auto="1"/>
      </bottom>
      <diagonal/>
    </border>
    <border>
      <left/>
      <right/>
      <top/>
      <bottom style="dotted">
        <color auto="1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medium">
        <color auto="1"/>
      </left>
      <right/>
      <top/>
      <bottom style="dotted">
        <color auto="1"/>
      </bottom>
      <diagonal/>
    </border>
    <border>
      <left style="medium">
        <color auto="1"/>
      </left>
      <right style="medium">
        <color auto="1"/>
      </right>
      <top/>
      <bottom/>
      <diagonal/>
    </border>
    <border>
      <left style="medium">
        <color auto="1"/>
      </left>
      <right style="medium">
        <color auto="1"/>
      </right>
      <top style="thin">
        <color auto="1"/>
      </top>
      <bottom style="dotted">
        <color auto="1"/>
      </bottom>
      <diagonal/>
    </border>
    <border>
      <left style="medium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medium">
        <color auto="1"/>
      </right>
      <top style="dotted">
        <color auto="1"/>
      </top>
      <bottom style="thin">
        <color auto="1"/>
      </bottom>
      <diagonal/>
    </border>
    <border>
      <left style="medium">
        <color auto="1"/>
      </left>
      <right style="medium">
        <color auto="1"/>
      </right>
      <top/>
      <bottom style="dotted">
        <color auto="1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92">
    <xf numFmtId="0" fontId="0" fillId="0" borderId="0" xfId="0"/>
    <xf numFmtId="0" fontId="1" fillId="0" borderId="7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8" xfId="0" applyFont="1" applyBorder="1" applyAlignment="1">
      <alignment horizontal="center" vertical="center"/>
    </xf>
    <xf numFmtId="0" fontId="1" fillId="0" borderId="9" xfId="0" applyFont="1" applyBorder="1" applyAlignment="1">
      <alignment horizontal="center" vertical="center"/>
    </xf>
    <xf numFmtId="0" fontId="1" fillId="0" borderId="10" xfId="0" applyFont="1" applyBorder="1" applyAlignment="1">
      <alignment horizontal="center" vertical="center"/>
    </xf>
    <xf numFmtId="0" fontId="1" fillId="0" borderId="11" xfId="0" applyFont="1" applyBorder="1" applyAlignment="1">
      <alignment horizontal="center" vertical="center"/>
    </xf>
    <xf numFmtId="0" fontId="1" fillId="0" borderId="8" xfId="0" applyFont="1" applyFill="1" applyBorder="1" applyAlignment="1">
      <alignment horizontal="center" vertical="center"/>
    </xf>
    <xf numFmtId="0" fontId="1" fillId="0" borderId="12" xfId="0" applyFont="1" applyBorder="1" applyAlignment="1">
      <alignment horizontal="center" vertical="center"/>
    </xf>
    <xf numFmtId="0" fontId="1" fillId="0" borderId="8" xfId="0" applyFont="1" applyBorder="1"/>
    <xf numFmtId="0" fontId="1" fillId="0" borderId="15" xfId="0" applyFont="1" applyBorder="1" applyAlignment="1">
      <alignment horizontal="center" vertical="center"/>
    </xf>
    <xf numFmtId="0" fontId="1" fillId="0" borderId="14" xfId="0" applyFont="1" applyBorder="1" applyAlignment="1">
      <alignment horizontal="center" vertical="center"/>
    </xf>
    <xf numFmtId="0" fontId="1" fillId="0" borderId="16" xfId="0" applyFont="1" applyBorder="1" applyAlignment="1">
      <alignment horizontal="center" vertical="center"/>
    </xf>
    <xf numFmtId="0" fontId="1" fillId="0" borderId="17" xfId="0" applyFont="1" applyBorder="1" applyAlignment="1">
      <alignment horizontal="center" vertical="center"/>
    </xf>
    <xf numFmtId="0" fontId="1" fillId="0" borderId="18" xfId="0" applyFont="1" applyBorder="1" applyAlignment="1">
      <alignment horizontal="center" vertical="center"/>
    </xf>
    <xf numFmtId="0" fontId="1" fillId="0" borderId="19" xfId="0" applyFont="1" applyBorder="1" applyAlignment="1">
      <alignment horizontal="center" vertical="center"/>
    </xf>
    <xf numFmtId="0" fontId="1" fillId="0" borderId="20" xfId="0" applyFont="1" applyFill="1" applyBorder="1" applyAlignment="1">
      <alignment horizontal="center" vertical="center"/>
    </xf>
    <xf numFmtId="0" fontId="1" fillId="0" borderId="16" xfId="0" applyFont="1" applyFill="1" applyBorder="1" applyAlignment="1">
      <alignment horizontal="center" vertical="center"/>
    </xf>
    <xf numFmtId="0" fontId="1" fillId="0" borderId="20" xfId="0" applyFont="1" applyBorder="1" applyAlignment="1">
      <alignment horizontal="center" vertical="center"/>
    </xf>
    <xf numFmtId="0" fontId="1" fillId="0" borderId="16" xfId="0" applyFont="1" applyBorder="1"/>
    <xf numFmtId="0" fontId="1" fillId="0" borderId="23" xfId="0" applyFont="1" applyBorder="1" applyAlignment="1">
      <alignment horizontal="center" vertical="center"/>
    </xf>
    <xf numFmtId="0" fontId="1" fillId="0" borderId="22" xfId="0" applyFont="1" applyBorder="1" applyAlignment="1">
      <alignment horizontal="center" vertical="center"/>
    </xf>
    <xf numFmtId="0" fontId="1" fillId="0" borderId="24" xfId="0" applyFont="1" applyBorder="1" applyAlignment="1">
      <alignment horizontal="center" vertical="center"/>
    </xf>
    <xf numFmtId="0" fontId="1" fillId="0" borderId="25" xfId="0" applyFont="1" applyBorder="1" applyAlignment="1">
      <alignment horizontal="center" vertical="center"/>
    </xf>
    <xf numFmtId="0" fontId="1" fillId="0" borderId="26" xfId="0" applyFont="1" applyBorder="1" applyAlignment="1">
      <alignment horizontal="center" vertical="center"/>
    </xf>
    <xf numFmtId="0" fontId="1" fillId="0" borderId="27" xfId="0" applyFont="1" applyBorder="1" applyAlignment="1">
      <alignment horizontal="center" vertical="center"/>
    </xf>
    <xf numFmtId="0" fontId="1" fillId="0" borderId="24" xfId="0" applyFont="1" applyFill="1" applyBorder="1" applyAlignment="1">
      <alignment horizontal="center" vertical="center"/>
    </xf>
    <xf numFmtId="0" fontId="1" fillId="0" borderId="28" xfId="0" applyFont="1" applyBorder="1" applyAlignment="1">
      <alignment horizontal="center" vertical="center"/>
    </xf>
    <xf numFmtId="0" fontId="1" fillId="0" borderId="24" xfId="0" applyFont="1" applyBorder="1"/>
    <xf numFmtId="0" fontId="1" fillId="0" borderId="23" xfId="0" applyFont="1" applyFill="1" applyBorder="1" applyAlignment="1">
      <alignment horizontal="center" vertical="center"/>
    </xf>
    <xf numFmtId="0" fontId="1" fillId="0" borderId="6" xfId="0" applyFont="1" applyFill="1" applyBorder="1" applyAlignment="1">
      <alignment horizontal="center" vertical="center"/>
    </xf>
    <xf numFmtId="0" fontId="1" fillId="0" borderId="7" xfId="0" applyFont="1" applyFill="1" applyBorder="1" applyAlignment="1">
      <alignment horizontal="center" vertical="center"/>
    </xf>
    <xf numFmtId="0" fontId="1" fillId="0" borderId="15" xfId="0" applyFont="1" applyFill="1" applyBorder="1" applyAlignment="1">
      <alignment horizontal="center" vertical="center"/>
    </xf>
    <xf numFmtId="0" fontId="1" fillId="0" borderId="14" xfId="0" applyFont="1" applyFill="1" applyBorder="1" applyAlignment="1">
      <alignment horizontal="center" vertical="center"/>
    </xf>
    <xf numFmtId="0" fontId="1" fillId="0" borderId="17" xfId="0" applyFont="1" applyFill="1" applyBorder="1" applyAlignment="1">
      <alignment horizontal="center" vertical="center"/>
    </xf>
    <xf numFmtId="0" fontId="1" fillId="0" borderId="18" xfId="0" applyFont="1" applyFill="1" applyBorder="1" applyAlignment="1">
      <alignment horizontal="center" vertical="center"/>
    </xf>
    <xf numFmtId="0" fontId="1" fillId="0" borderId="19" xfId="0" applyFont="1" applyFill="1" applyBorder="1" applyAlignment="1">
      <alignment horizontal="center" vertical="center"/>
    </xf>
    <xf numFmtId="0" fontId="1" fillId="0" borderId="25" xfId="0" applyFont="1" applyFill="1" applyBorder="1" applyAlignment="1">
      <alignment horizontal="center" vertical="center"/>
    </xf>
    <xf numFmtId="0" fontId="1" fillId="0" borderId="26" xfId="0" applyFont="1" applyFill="1" applyBorder="1" applyAlignment="1">
      <alignment horizontal="center" vertical="center"/>
    </xf>
    <xf numFmtId="0" fontId="1" fillId="0" borderId="27" xfId="0" applyFont="1" applyFill="1" applyBorder="1" applyAlignment="1">
      <alignment horizontal="center" vertical="center"/>
    </xf>
    <xf numFmtId="0" fontId="1" fillId="0" borderId="9" xfId="0" applyFont="1" applyFill="1" applyBorder="1" applyAlignment="1">
      <alignment horizontal="center" vertical="center"/>
    </xf>
    <xf numFmtId="0" fontId="1" fillId="0" borderId="10" xfId="0" applyFont="1" applyFill="1" applyBorder="1" applyAlignment="1">
      <alignment horizontal="center" vertical="center"/>
    </xf>
    <xf numFmtId="0" fontId="1" fillId="0" borderId="11" xfId="0" applyFont="1" applyFill="1" applyBorder="1" applyAlignment="1">
      <alignment horizontal="center" vertical="center"/>
    </xf>
    <xf numFmtId="0" fontId="1" fillId="0" borderId="30" xfId="0" applyFont="1" applyBorder="1" applyAlignment="1">
      <alignment horizontal="center" vertical="center"/>
    </xf>
    <xf numFmtId="0" fontId="1" fillId="0" borderId="31" xfId="0" applyFont="1" applyBorder="1" applyAlignment="1">
      <alignment horizontal="center" vertical="center"/>
    </xf>
    <xf numFmtId="0" fontId="1" fillId="0" borderId="32" xfId="0" applyFont="1" applyFill="1" applyBorder="1" applyAlignment="1">
      <alignment horizontal="center" vertical="center"/>
    </xf>
    <xf numFmtId="0" fontId="1" fillId="0" borderId="33" xfId="0" applyFont="1" applyBorder="1" applyAlignment="1">
      <alignment horizontal="center" vertical="center"/>
    </xf>
    <xf numFmtId="0" fontId="1" fillId="0" borderId="34" xfId="0" applyFont="1" applyBorder="1" applyAlignment="1">
      <alignment horizontal="center" vertical="center"/>
    </xf>
    <xf numFmtId="0" fontId="1" fillId="0" borderId="35" xfId="0" applyFont="1" applyBorder="1" applyAlignment="1">
      <alignment horizontal="center" vertical="center"/>
    </xf>
    <xf numFmtId="0" fontId="1" fillId="0" borderId="32" xfId="0" applyFont="1" applyBorder="1" applyAlignment="1">
      <alignment horizontal="center" vertical="center"/>
    </xf>
    <xf numFmtId="0" fontId="1" fillId="0" borderId="36" xfId="0" applyFont="1" applyBorder="1" applyAlignment="1">
      <alignment horizontal="center" vertical="center"/>
    </xf>
    <xf numFmtId="0" fontId="1" fillId="0" borderId="38" xfId="0" applyFont="1" applyBorder="1" applyAlignment="1">
      <alignment horizontal="center" vertical="center"/>
    </xf>
    <xf numFmtId="0" fontId="1" fillId="0" borderId="39" xfId="0" applyFont="1" applyBorder="1" applyAlignment="1">
      <alignment horizontal="center" vertical="center"/>
    </xf>
    <xf numFmtId="0" fontId="1" fillId="0" borderId="40" xfId="0" applyFont="1" applyBorder="1" applyAlignment="1">
      <alignment horizontal="center" vertical="center"/>
    </xf>
    <xf numFmtId="0" fontId="1" fillId="0" borderId="39" xfId="0" applyFont="1" applyFill="1" applyBorder="1" applyAlignment="1">
      <alignment horizontal="center" vertical="center"/>
    </xf>
    <xf numFmtId="0" fontId="1" fillId="0" borderId="40" xfId="0" applyFont="1" applyFill="1" applyBorder="1" applyAlignment="1">
      <alignment horizontal="center" vertical="center"/>
    </xf>
    <xf numFmtId="0" fontId="1" fillId="0" borderId="41" xfId="0" applyFont="1" applyBorder="1" applyAlignment="1">
      <alignment horizontal="center" vertical="center"/>
    </xf>
    <xf numFmtId="0" fontId="1" fillId="0" borderId="5" xfId="0" applyFont="1" applyFill="1" applyBorder="1" applyAlignment="1">
      <alignment horizontal="left" vertical="center"/>
    </xf>
    <xf numFmtId="0" fontId="1" fillId="0" borderId="13" xfId="0" applyFont="1" applyBorder="1" applyAlignment="1">
      <alignment horizontal="left" vertical="center"/>
    </xf>
    <xf numFmtId="0" fontId="1" fillId="0" borderId="21" xfId="0" applyFont="1" applyBorder="1" applyAlignment="1">
      <alignment horizontal="left" vertical="center"/>
    </xf>
    <xf numFmtId="0" fontId="1" fillId="0" borderId="5" xfId="0" applyFont="1" applyBorder="1" applyAlignment="1">
      <alignment horizontal="left" vertical="center"/>
    </xf>
    <xf numFmtId="0" fontId="1" fillId="0" borderId="13" xfId="0" applyFont="1" applyFill="1" applyBorder="1" applyAlignment="1">
      <alignment horizontal="left" vertical="center"/>
    </xf>
    <xf numFmtId="0" fontId="1" fillId="0" borderId="21" xfId="0" applyFont="1" applyFill="1" applyBorder="1" applyAlignment="1">
      <alignment horizontal="left" vertical="center"/>
    </xf>
    <xf numFmtId="0" fontId="1" fillId="0" borderId="29" xfId="0" applyFont="1" applyBorder="1" applyAlignment="1">
      <alignment horizontal="left" vertical="center"/>
    </xf>
    <xf numFmtId="0" fontId="1" fillId="0" borderId="16" xfId="0" applyFont="1" applyBorder="1" applyAlignment="1">
      <alignment horizontal="center" vertical="center" wrapText="1"/>
    </xf>
    <xf numFmtId="0" fontId="1" fillId="0" borderId="17" xfId="0" applyFont="1" applyBorder="1" applyAlignment="1">
      <alignment horizontal="center" vertical="center" wrapText="1"/>
    </xf>
    <xf numFmtId="0" fontId="1" fillId="0" borderId="38" xfId="0" applyFont="1" applyFill="1" applyBorder="1" applyAlignment="1">
      <alignment horizontal="center" vertical="center"/>
    </xf>
    <xf numFmtId="0" fontId="1" fillId="0" borderId="8" xfId="0" applyFont="1" applyBorder="1" applyAlignment="1">
      <alignment horizontal="center" vertical="center" wrapText="1"/>
    </xf>
    <xf numFmtId="0" fontId="1" fillId="0" borderId="9" xfId="0" applyFont="1" applyBorder="1" applyAlignment="1">
      <alignment horizontal="center" vertical="center" wrapText="1"/>
    </xf>
    <xf numFmtId="0" fontId="1" fillId="0" borderId="29" xfId="0" applyFont="1" applyFill="1" applyBorder="1" applyAlignment="1">
      <alignment horizontal="left" vertical="center"/>
    </xf>
    <xf numFmtId="0" fontId="1" fillId="0" borderId="33" xfId="0" applyFont="1" applyFill="1" applyBorder="1" applyAlignment="1">
      <alignment horizontal="center" vertical="center"/>
    </xf>
    <xf numFmtId="0" fontId="1" fillId="0" borderId="0" xfId="0" applyFont="1" applyBorder="1"/>
    <xf numFmtId="0" fontId="1" fillId="0" borderId="42" xfId="0" applyFont="1" applyFill="1" applyBorder="1" applyAlignment="1">
      <alignment horizontal="center" vertical="center" textRotation="90"/>
    </xf>
    <xf numFmtId="0" fontId="1" fillId="0" borderId="42" xfId="0" applyFont="1" applyFill="1" applyBorder="1" applyAlignment="1">
      <alignment horizontal="center" vertical="center"/>
    </xf>
    <xf numFmtId="0" fontId="1" fillId="0" borderId="0" xfId="0" applyFont="1" applyBorder="1" applyAlignment="1">
      <alignment horizontal="center" vertical="center"/>
    </xf>
    <xf numFmtId="0" fontId="1" fillId="0" borderId="0" xfId="0" applyFont="1" applyAlignment="1">
      <alignment horizontal="center" vertical="center"/>
    </xf>
    <xf numFmtId="0" fontId="1" fillId="0" borderId="42" xfId="0" applyFont="1" applyFill="1" applyBorder="1" applyAlignment="1">
      <alignment horizontal="center" vertical="center" textRotation="90" wrapText="1"/>
    </xf>
    <xf numFmtId="0" fontId="1" fillId="0" borderId="42" xfId="0" applyFont="1" applyFill="1" applyBorder="1" applyAlignment="1">
      <alignment horizontal="center" vertical="center"/>
    </xf>
    <xf numFmtId="0" fontId="1" fillId="0" borderId="0" xfId="0" applyFont="1"/>
    <xf numFmtId="0" fontId="1" fillId="0" borderId="10" xfId="0" applyFont="1" applyBorder="1" applyAlignment="1">
      <alignment horizontal="center" vertical="center" wrapText="1"/>
    </xf>
    <xf numFmtId="0" fontId="1" fillId="0" borderId="11" xfId="0" applyFont="1" applyBorder="1" applyAlignment="1">
      <alignment horizontal="center" vertical="center" wrapText="1"/>
    </xf>
    <xf numFmtId="0" fontId="1" fillId="0" borderId="0" xfId="0" applyFont="1" applyAlignment="1">
      <alignment horizontal="left"/>
    </xf>
    <xf numFmtId="0" fontId="1" fillId="0" borderId="2" xfId="0" applyFont="1" applyBorder="1" applyAlignment="1">
      <alignment horizontal="center" vertical="center"/>
    </xf>
    <xf numFmtId="0" fontId="1" fillId="0" borderId="3" xfId="0" applyFont="1" applyBorder="1" applyAlignment="1">
      <alignment horizontal="center" vertical="center"/>
    </xf>
    <xf numFmtId="0" fontId="1" fillId="0" borderId="4" xfId="0" applyFont="1" applyBorder="1" applyAlignment="1">
      <alignment horizontal="center" vertical="center"/>
    </xf>
    <xf numFmtId="0" fontId="1" fillId="0" borderId="37" xfId="0" applyFont="1" applyBorder="1" applyAlignment="1">
      <alignment horizontal="center" vertical="center"/>
    </xf>
    <xf numFmtId="0" fontId="1" fillId="0" borderId="1" xfId="0" applyFont="1" applyBorder="1" applyAlignment="1">
      <alignment horizontal="center" vertical="center"/>
    </xf>
    <xf numFmtId="0" fontId="1" fillId="0" borderId="34" xfId="0" applyFont="1" applyFill="1" applyBorder="1" applyAlignment="1">
      <alignment horizontal="center" vertical="center"/>
    </xf>
    <xf numFmtId="0" fontId="1" fillId="0" borderId="35" xfId="0" applyFont="1" applyFill="1" applyBorder="1" applyAlignment="1">
      <alignment horizontal="center" vertical="center"/>
    </xf>
    <xf numFmtId="9" fontId="1" fillId="0" borderId="0" xfId="0" applyNumberFormat="1" applyFont="1"/>
    <xf numFmtId="0" fontId="1" fillId="0" borderId="18" xfId="0" applyFont="1" applyBorder="1" applyAlignment="1">
      <alignment horizontal="center" vertical="center" wrapText="1"/>
    </xf>
    <xf numFmtId="0" fontId="1" fillId="0" borderId="19" xfId="0" applyFont="1" applyBorder="1" applyAlignment="1">
      <alignment horizontal="center" vertical="center" wrapText="1"/>
    </xf>
  </cellXfs>
  <cellStyles count="1">
    <cellStyle name="Normal" xfId="0" builtinId="0"/>
  </cellStyles>
  <dxfs count="376">
    <dxf>
      <fill>
        <patternFill>
          <bgColor theme="7" tint="0.39994506668294322"/>
        </patternFill>
      </fill>
    </dxf>
    <dxf>
      <fill>
        <patternFill>
          <bgColor theme="9" tint="-0.24994659260841701"/>
        </patternFill>
      </fill>
    </dxf>
    <dxf>
      <fill>
        <patternFill>
          <bgColor rgb="FFFFFF00"/>
        </patternFill>
      </fill>
    </dxf>
    <dxf>
      <fill>
        <patternFill>
          <bgColor rgb="FF00B050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7030A0"/>
        </patternFill>
      </fill>
    </dxf>
    <dxf>
      <fill>
        <patternFill>
          <bgColor rgb="FF002060"/>
        </patternFill>
      </fill>
    </dxf>
    <dxf>
      <fill>
        <patternFill>
          <bgColor theme="7" tint="0.39994506668294322"/>
        </patternFill>
      </fill>
    </dxf>
    <dxf>
      <fill>
        <patternFill>
          <bgColor theme="9" tint="-0.24994659260841701"/>
        </patternFill>
      </fill>
    </dxf>
    <dxf>
      <fill>
        <patternFill>
          <bgColor rgb="FFFFFF00"/>
        </patternFill>
      </fill>
    </dxf>
    <dxf>
      <fill>
        <patternFill>
          <bgColor rgb="FF00B050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7030A0"/>
        </patternFill>
      </fill>
    </dxf>
    <dxf>
      <fill>
        <patternFill>
          <bgColor rgb="FF002060"/>
        </patternFill>
      </fill>
    </dxf>
    <dxf>
      <fill>
        <patternFill>
          <bgColor theme="7" tint="0.39994506668294322"/>
        </patternFill>
      </fill>
    </dxf>
    <dxf>
      <fill>
        <patternFill>
          <bgColor theme="9" tint="-0.24994659260841701"/>
        </patternFill>
      </fill>
    </dxf>
    <dxf>
      <fill>
        <patternFill>
          <bgColor rgb="FFFFFF00"/>
        </patternFill>
      </fill>
    </dxf>
    <dxf>
      <fill>
        <patternFill>
          <bgColor rgb="FF00B050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7030A0"/>
        </patternFill>
      </fill>
    </dxf>
    <dxf>
      <fill>
        <patternFill>
          <bgColor rgb="FF002060"/>
        </patternFill>
      </fill>
    </dxf>
    <dxf>
      <fill>
        <patternFill>
          <bgColor theme="7" tint="0.39994506668294322"/>
        </patternFill>
      </fill>
    </dxf>
    <dxf>
      <fill>
        <patternFill>
          <bgColor theme="9" tint="-0.24994659260841701"/>
        </patternFill>
      </fill>
    </dxf>
    <dxf>
      <fill>
        <patternFill>
          <bgColor rgb="FFFFFF00"/>
        </patternFill>
      </fill>
    </dxf>
    <dxf>
      <fill>
        <patternFill>
          <bgColor rgb="FF00B050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7030A0"/>
        </patternFill>
      </fill>
    </dxf>
    <dxf>
      <fill>
        <patternFill>
          <bgColor rgb="FF002060"/>
        </patternFill>
      </fill>
    </dxf>
    <dxf>
      <fill>
        <patternFill>
          <bgColor theme="7" tint="0.39994506668294322"/>
        </patternFill>
      </fill>
    </dxf>
    <dxf>
      <fill>
        <patternFill>
          <bgColor theme="9" tint="-0.24994659260841701"/>
        </patternFill>
      </fill>
    </dxf>
    <dxf>
      <fill>
        <patternFill>
          <bgColor rgb="FFFFFF00"/>
        </patternFill>
      </fill>
    </dxf>
    <dxf>
      <fill>
        <patternFill>
          <bgColor rgb="FF00B050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7030A0"/>
        </patternFill>
      </fill>
    </dxf>
    <dxf>
      <fill>
        <patternFill>
          <bgColor rgb="FF002060"/>
        </patternFill>
      </fill>
    </dxf>
    <dxf>
      <fill>
        <patternFill>
          <bgColor theme="7" tint="0.39994506668294322"/>
        </patternFill>
      </fill>
    </dxf>
    <dxf>
      <fill>
        <patternFill>
          <bgColor theme="9" tint="-0.24994659260841701"/>
        </patternFill>
      </fill>
    </dxf>
    <dxf>
      <fill>
        <patternFill>
          <bgColor rgb="FFFFFF00"/>
        </patternFill>
      </fill>
    </dxf>
    <dxf>
      <fill>
        <patternFill>
          <bgColor rgb="FF00B050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7030A0"/>
        </patternFill>
      </fill>
    </dxf>
    <dxf>
      <fill>
        <patternFill>
          <bgColor rgb="FF002060"/>
        </patternFill>
      </fill>
    </dxf>
    <dxf>
      <fill>
        <patternFill>
          <bgColor theme="7" tint="0.39994506668294322"/>
        </patternFill>
      </fill>
    </dxf>
    <dxf>
      <fill>
        <patternFill>
          <bgColor theme="9" tint="-0.24994659260841701"/>
        </patternFill>
      </fill>
    </dxf>
    <dxf>
      <fill>
        <patternFill>
          <bgColor rgb="FFFFFF00"/>
        </patternFill>
      </fill>
    </dxf>
    <dxf>
      <fill>
        <patternFill>
          <bgColor rgb="FF00B050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7030A0"/>
        </patternFill>
      </fill>
    </dxf>
    <dxf>
      <fill>
        <patternFill>
          <bgColor rgb="FF002060"/>
        </patternFill>
      </fill>
    </dxf>
    <dxf>
      <fill>
        <patternFill>
          <bgColor theme="7" tint="0.39994506668294322"/>
        </patternFill>
      </fill>
    </dxf>
    <dxf>
      <fill>
        <patternFill>
          <bgColor theme="9" tint="-0.24994659260841701"/>
        </patternFill>
      </fill>
    </dxf>
    <dxf>
      <fill>
        <patternFill>
          <bgColor rgb="FFFFFF00"/>
        </patternFill>
      </fill>
    </dxf>
    <dxf>
      <fill>
        <patternFill>
          <bgColor rgb="FF00B050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7030A0"/>
        </patternFill>
      </fill>
    </dxf>
    <dxf>
      <fill>
        <patternFill>
          <bgColor rgb="FF002060"/>
        </patternFill>
      </fill>
    </dxf>
    <dxf>
      <fill>
        <patternFill>
          <bgColor theme="7" tint="0.39994506668294322"/>
        </patternFill>
      </fill>
    </dxf>
    <dxf>
      <fill>
        <patternFill>
          <bgColor theme="9" tint="-0.24994659260841701"/>
        </patternFill>
      </fill>
    </dxf>
    <dxf>
      <fill>
        <patternFill>
          <bgColor rgb="FFFFFF00"/>
        </patternFill>
      </fill>
    </dxf>
    <dxf>
      <fill>
        <patternFill>
          <bgColor rgb="FF00B050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7030A0"/>
        </patternFill>
      </fill>
    </dxf>
    <dxf>
      <fill>
        <patternFill>
          <bgColor rgb="FF002060"/>
        </patternFill>
      </fill>
    </dxf>
    <dxf>
      <fill>
        <patternFill>
          <bgColor theme="7" tint="0.39994506668294322"/>
        </patternFill>
      </fill>
    </dxf>
    <dxf>
      <fill>
        <patternFill>
          <bgColor theme="9" tint="-0.24994659260841701"/>
        </patternFill>
      </fill>
    </dxf>
    <dxf>
      <fill>
        <patternFill>
          <bgColor rgb="FFFFFF00"/>
        </patternFill>
      </fill>
    </dxf>
    <dxf>
      <fill>
        <patternFill>
          <bgColor rgb="FF00B050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7030A0"/>
        </patternFill>
      </fill>
    </dxf>
    <dxf>
      <fill>
        <patternFill>
          <bgColor rgb="FF002060"/>
        </patternFill>
      </fill>
    </dxf>
    <dxf>
      <fill>
        <patternFill>
          <bgColor theme="7" tint="0.39994506668294322"/>
        </patternFill>
      </fill>
    </dxf>
    <dxf>
      <fill>
        <patternFill>
          <bgColor theme="9" tint="-0.24994659260841701"/>
        </patternFill>
      </fill>
    </dxf>
    <dxf>
      <fill>
        <patternFill>
          <bgColor rgb="FFFFFF00"/>
        </patternFill>
      </fill>
    </dxf>
    <dxf>
      <fill>
        <patternFill>
          <bgColor rgb="FF00B050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7030A0"/>
        </patternFill>
      </fill>
    </dxf>
    <dxf>
      <fill>
        <patternFill>
          <bgColor rgb="FF002060"/>
        </patternFill>
      </fill>
    </dxf>
    <dxf>
      <fill>
        <patternFill>
          <bgColor theme="7" tint="0.39994506668294322"/>
        </patternFill>
      </fill>
    </dxf>
    <dxf>
      <fill>
        <patternFill>
          <bgColor theme="9" tint="-0.24994659260841701"/>
        </patternFill>
      </fill>
    </dxf>
    <dxf>
      <fill>
        <patternFill>
          <bgColor rgb="FFFFFF00"/>
        </patternFill>
      </fill>
    </dxf>
    <dxf>
      <fill>
        <patternFill>
          <bgColor rgb="FF00B050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7030A0"/>
        </patternFill>
      </fill>
    </dxf>
    <dxf>
      <fill>
        <patternFill>
          <bgColor rgb="FF002060"/>
        </patternFill>
      </fill>
    </dxf>
    <dxf>
      <fill>
        <patternFill>
          <bgColor theme="7" tint="0.39994506668294322"/>
        </patternFill>
      </fill>
    </dxf>
    <dxf>
      <fill>
        <patternFill>
          <bgColor theme="9" tint="-0.24994659260841701"/>
        </patternFill>
      </fill>
    </dxf>
    <dxf>
      <fill>
        <patternFill>
          <bgColor rgb="FFFFFF00"/>
        </patternFill>
      </fill>
    </dxf>
    <dxf>
      <fill>
        <patternFill>
          <bgColor rgb="FF00B050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7030A0"/>
        </patternFill>
      </fill>
    </dxf>
    <dxf>
      <fill>
        <patternFill>
          <bgColor rgb="FF002060"/>
        </patternFill>
      </fill>
    </dxf>
    <dxf>
      <fill>
        <patternFill>
          <bgColor theme="7" tint="0.39994506668294322"/>
        </patternFill>
      </fill>
    </dxf>
    <dxf>
      <fill>
        <patternFill>
          <bgColor theme="9" tint="-0.24994659260841701"/>
        </patternFill>
      </fill>
    </dxf>
    <dxf>
      <fill>
        <patternFill>
          <bgColor rgb="FFFFFF00"/>
        </patternFill>
      </fill>
    </dxf>
    <dxf>
      <fill>
        <patternFill>
          <bgColor rgb="FF00B050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7030A0"/>
        </patternFill>
      </fill>
    </dxf>
    <dxf>
      <fill>
        <patternFill>
          <bgColor rgb="FF002060"/>
        </patternFill>
      </fill>
    </dxf>
    <dxf>
      <fill>
        <patternFill>
          <bgColor theme="7" tint="0.39994506668294322"/>
        </patternFill>
      </fill>
    </dxf>
    <dxf>
      <fill>
        <patternFill>
          <bgColor theme="9" tint="-0.24994659260841701"/>
        </patternFill>
      </fill>
    </dxf>
    <dxf>
      <fill>
        <patternFill>
          <bgColor rgb="FFFFFF00"/>
        </patternFill>
      </fill>
    </dxf>
    <dxf>
      <fill>
        <patternFill>
          <bgColor rgb="FF00B050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7030A0"/>
        </patternFill>
      </fill>
    </dxf>
    <dxf>
      <fill>
        <patternFill>
          <bgColor rgb="FF002060"/>
        </patternFill>
      </fill>
    </dxf>
    <dxf>
      <fill>
        <patternFill>
          <bgColor theme="7" tint="0.39994506668294322"/>
        </patternFill>
      </fill>
    </dxf>
    <dxf>
      <fill>
        <patternFill>
          <bgColor theme="9" tint="-0.24994659260841701"/>
        </patternFill>
      </fill>
    </dxf>
    <dxf>
      <fill>
        <patternFill>
          <bgColor rgb="FFFFFF00"/>
        </patternFill>
      </fill>
    </dxf>
    <dxf>
      <fill>
        <patternFill>
          <bgColor rgb="FF00B050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7030A0"/>
        </patternFill>
      </fill>
    </dxf>
    <dxf>
      <fill>
        <patternFill>
          <bgColor rgb="FF002060"/>
        </patternFill>
      </fill>
    </dxf>
    <dxf>
      <fill>
        <patternFill>
          <bgColor theme="7" tint="0.39994506668294322"/>
        </patternFill>
      </fill>
    </dxf>
    <dxf>
      <fill>
        <patternFill>
          <bgColor theme="9" tint="-0.24994659260841701"/>
        </patternFill>
      </fill>
    </dxf>
    <dxf>
      <fill>
        <patternFill>
          <bgColor rgb="FFFFFF00"/>
        </patternFill>
      </fill>
    </dxf>
    <dxf>
      <fill>
        <patternFill>
          <bgColor rgb="FF00B050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7030A0"/>
        </patternFill>
      </fill>
    </dxf>
    <dxf>
      <fill>
        <patternFill>
          <bgColor rgb="FF002060"/>
        </patternFill>
      </fill>
    </dxf>
    <dxf>
      <fill>
        <patternFill>
          <bgColor theme="7" tint="0.39994506668294322"/>
        </patternFill>
      </fill>
    </dxf>
    <dxf>
      <fill>
        <patternFill>
          <bgColor theme="9" tint="-0.24994659260841701"/>
        </patternFill>
      </fill>
    </dxf>
    <dxf>
      <fill>
        <patternFill>
          <bgColor rgb="FFFFFF00"/>
        </patternFill>
      </fill>
    </dxf>
    <dxf>
      <fill>
        <patternFill>
          <bgColor rgb="FF00B050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7030A0"/>
        </patternFill>
      </fill>
    </dxf>
    <dxf>
      <fill>
        <patternFill>
          <bgColor rgb="FF002060"/>
        </patternFill>
      </fill>
    </dxf>
    <dxf>
      <fill>
        <patternFill>
          <bgColor theme="7" tint="0.39994506668294322"/>
        </patternFill>
      </fill>
    </dxf>
    <dxf>
      <fill>
        <patternFill>
          <bgColor theme="9" tint="-0.24994659260841701"/>
        </patternFill>
      </fill>
    </dxf>
    <dxf>
      <fill>
        <patternFill>
          <bgColor rgb="FFFFFF00"/>
        </patternFill>
      </fill>
    </dxf>
    <dxf>
      <fill>
        <patternFill>
          <bgColor rgb="FF00B050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7030A0"/>
        </patternFill>
      </fill>
    </dxf>
    <dxf>
      <fill>
        <patternFill>
          <bgColor rgb="FF002060"/>
        </patternFill>
      </fill>
    </dxf>
    <dxf>
      <fill>
        <patternFill>
          <bgColor theme="7" tint="0.39994506668294322"/>
        </patternFill>
      </fill>
    </dxf>
    <dxf>
      <fill>
        <patternFill>
          <bgColor theme="9" tint="-0.24994659260841701"/>
        </patternFill>
      </fill>
    </dxf>
    <dxf>
      <fill>
        <patternFill>
          <bgColor rgb="FFFFFF00"/>
        </patternFill>
      </fill>
    </dxf>
    <dxf>
      <fill>
        <patternFill>
          <bgColor rgb="FF00B050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7030A0"/>
        </patternFill>
      </fill>
    </dxf>
    <dxf>
      <fill>
        <patternFill>
          <bgColor rgb="FF002060"/>
        </patternFill>
      </fill>
    </dxf>
    <dxf>
      <fill>
        <patternFill>
          <bgColor theme="7" tint="0.39994506668294322"/>
        </patternFill>
      </fill>
    </dxf>
    <dxf>
      <fill>
        <patternFill>
          <bgColor theme="9" tint="-0.24994659260841701"/>
        </patternFill>
      </fill>
    </dxf>
    <dxf>
      <fill>
        <patternFill>
          <bgColor rgb="FFFFFF00"/>
        </patternFill>
      </fill>
    </dxf>
    <dxf>
      <fill>
        <patternFill>
          <bgColor rgb="FF00B050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7030A0"/>
        </patternFill>
      </fill>
    </dxf>
    <dxf>
      <fill>
        <patternFill>
          <bgColor rgb="FF002060"/>
        </patternFill>
      </fill>
    </dxf>
    <dxf>
      <fill>
        <patternFill>
          <bgColor theme="7" tint="0.39994506668294322"/>
        </patternFill>
      </fill>
    </dxf>
    <dxf>
      <fill>
        <patternFill>
          <bgColor theme="9" tint="-0.24994659260841701"/>
        </patternFill>
      </fill>
    </dxf>
    <dxf>
      <fill>
        <patternFill>
          <bgColor rgb="FFFFFF00"/>
        </patternFill>
      </fill>
    </dxf>
    <dxf>
      <fill>
        <patternFill>
          <bgColor rgb="FF00B050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7030A0"/>
        </patternFill>
      </fill>
    </dxf>
    <dxf>
      <fill>
        <patternFill>
          <bgColor rgb="FF002060"/>
        </patternFill>
      </fill>
    </dxf>
    <dxf>
      <fill>
        <patternFill>
          <bgColor theme="7" tint="0.39994506668294322"/>
        </patternFill>
      </fill>
    </dxf>
    <dxf>
      <fill>
        <patternFill>
          <bgColor theme="9" tint="-0.24994659260841701"/>
        </patternFill>
      </fill>
    </dxf>
    <dxf>
      <fill>
        <patternFill>
          <bgColor rgb="FFFFFF00"/>
        </patternFill>
      </fill>
    </dxf>
    <dxf>
      <fill>
        <patternFill>
          <bgColor rgb="FF00B050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7030A0"/>
        </patternFill>
      </fill>
    </dxf>
    <dxf>
      <fill>
        <patternFill>
          <bgColor rgb="FF002060"/>
        </patternFill>
      </fill>
    </dxf>
    <dxf>
      <fill>
        <patternFill>
          <bgColor theme="7" tint="0.39994506668294322"/>
        </patternFill>
      </fill>
    </dxf>
    <dxf>
      <fill>
        <patternFill>
          <bgColor theme="9" tint="-0.24994659260841701"/>
        </patternFill>
      </fill>
    </dxf>
    <dxf>
      <fill>
        <patternFill>
          <bgColor rgb="FFFFFF00"/>
        </patternFill>
      </fill>
    </dxf>
    <dxf>
      <fill>
        <patternFill>
          <bgColor rgb="FF00B050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7030A0"/>
        </patternFill>
      </fill>
    </dxf>
    <dxf>
      <fill>
        <patternFill>
          <bgColor rgb="FF002060"/>
        </patternFill>
      </fill>
    </dxf>
    <dxf>
      <fill>
        <patternFill>
          <bgColor theme="7" tint="0.39994506668294322"/>
        </patternFill>
      </fill>
    </dxf>
    <dxf>
      <fill>
        <patternFill>
          <bgColor theme="9" tint="-0.24994659260841701"/>
        </patternFill>
      </fill>
    </dxf>
    <dxf>
      <fill>
        <patternFill>
          <bgColor rgb="FFFFFF00"/>
        </patternFill>
      </fill>
    </dxf>
    <dxf>
      <fill>
        <patternFill>
          <bgColor rgb="FF00B050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7030A0"/>
        </patternFill>
      </fill>
    </dxf>
    <dxf>
      <fill>
        <patternFill>
          <bgColor rgb="FF002060"/>
        </patternFill>
      </fill>
    </dxf>
    <dxf>
      <fill>
        <patternFill>
          <bgColor theme="7" tint="0.39994506668294322"/>
        </patternFill>
      </fill>
    </dxf>
    <dxf>
      <fill>
        <patternFill>
          <bgColor theme="9" tint="-0.24994659260841701"/>
        </patternFill>
      </fill>
    </dxf>
    <dxf>
      <fill>
        <patternFill>
          <bgColor rgb="FFFFFF00"/>
        </patternFill>
      </fill>
    </dxf>
    <dxf>
      <fill>
        <patternFill>
          <bgColor rgb="FF00B050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7030A0"/>
        </patternFill>
      </fill>
    </dxf>
    <dxf>
      <fill>
        <patternFill>
          <bgColor rgb="FF002060"/>
        </patternFill>
      </fill>
    </dxf>
    <dxf>
      <fill>
        <patternFill>
          <bgColor theme="7" tint="0.39994506668294322"/>
        </patternFill>
      </fill>
    </dxf>
    <dxf>
      <fill>
        <patternFill>
          <bgColor theme="9" tint="-0.24994659260841701"/>
        </patternFill>
      </fill>
    </dxf>
    <dxf>
      <fill>
        <patternFill>
          <bgColor rgb="FFFFFF00"/>
        </patternFill>
      </fill>
    </dxf>
    <dxf>
      <fill>
        <patternFill>
          <bgColor rgb="FF00B050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7030A0"/>
        </patternFill>
      </fill>
    </dxf>
    <dxf>
      <fill>
        <patternFill>
          <bgColor rgb="FF002060"/>
        </patternFill>
      </fill>
    </dxf>
    <dxf>
      <fill>
        <patternFill>
          <bgColor theme="7" tint="0.39994506668294322"/>
        </patternFill>
      </fill>
    </dxf>
    <dxf>
      <fill>
        <patternFill>
          <bgColor theme="9" tint="-0.24994659260841701"/>
        </patternFill>
      </fill>
    </dxf>
    <dxf>
      <fill>
        <patternFill>
          <bgColor rgb="FFFFFF00"/>
        </patternFill>
      </fill>
    </dxf>
    <dxf>
      <fill>
        <patternFill>
          <bgColor rgb="FF00B050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7030A0"/>
        </patternFill>
      </fill>
    </dxf>
    <dxf>
      <fill>
        <patternFill>
          <bgColor rgb="FF002060"/>
        </patternFill>
      </fill>
    </dxf>
    <dxf>
      <fill>
        <patternFill>
          <bgColor theme="7" tint="0.39994506668294322"/>
        </patternFill>
      </fill>
    </dxf>
    <dxf>
      <fill>
        <patternFill>
          <bgColor theme="9" tint="-0.24994659260841701"/>
        </patternFill>
      </fill>
    </dxf>
    <dxf>
      <fill>
        <patternFill>
          <bgColor rgb="FFFFFF00"/>
        </patternFill>
      </fill>
    </dxf>
    <dxf>
      <fill>
        <patternFill>
          <bgColor rgb="FF00B050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7030A0"/>
        </patternFill>
      </fill>
    </dxf>
    <dxf>
      <fill>
        <patternFill>
          <bgColor rgb="FF002060"/>
        </patternFill>
      </fill>
    </dxf>
    <dxf>
      <fill>
        <patternFill>
          <bgColor theme="7" tint="0.39994506668294322"/>
        </patternFill>
      </fill>
    </dxf>
    <dxf>
      <fill>
        <patternFill>
          <bgColor theme="9" tint="-0.24994659260841701"/>
        </patternFill>
      </fill>
    </dxf>
    <dxf>
      <fill>
        <patternFill>
          <bgColor rgb="FFFFFF00"/>
        </patternFill>
      </fill>
    </dxf>
    <dxf>
      <fill>
        <patternFill>
          <bgColor rgb="FF00B050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7030A0"/>
        </patternFill>
      </fill>
    </dxf>
    <dxf>
      <fill>
        <patternFill>
          <bgColor rgb="FF002060"/>
        </patternFill>
      </fill>
    </dxf>
    <dxf>
      <fill>
        <patternFill>
          <bgColor theme="7" tint="0.39994506668294322"/>
        </patternFill>
      </fill>
    </dxf>
    <dxf>
      <fill>
        <patternFill>
          <bgColor theme="9" tint="-0.24994659260841701"/>
        </patternFill>
      </fill>
    </dxf>
    <dxf>
      <fill>
        <patternFill>
          <bgColor rgb="FFFFFF00"/>
        </patternFill>
      </fill>
    </dxf>
    <dxf>
      <fill>
        <patternFill>
          <bgColor rgb="FF00B050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7030A0"/>
        </patternFill>
      </fill>
    </dxf>
    <dxf>
      <fill>
        <patternFill>
          <bgColor rgb="FF002060"/>
        </patternFill>
      </fill>
    </dxf>
    <dxf>
      <fill>
        <patternFill>
          <bgColor theme="7" tint="0.39994506668294322"/>
        </patternFill>
      </fill>
    </dxf>
    <dxf>
      <fill>
        <patternFill>
          <bgColor theme="9" tint="-0.24994659260841701"/>
        </patternFill>
      </fill>
    </dxf>
    <dxf>
      <fill>
        <patternFill>
          <bgColor rgb="FFFFFF00"/>
        </patternFill>
      </fill>
    </dxf>
    <dxf>
      <fill>
        <patternFill>
          <bgColor rgb="FF00B050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7030A0"/>
        </patternFill>
      </fill>
    </dxf>
    <dxf>
      <fill>
        <patternFill>
          <bgColor rgb="FF002060"/>
        </patternFill>
      </fill>
    </dxf>
    <dxf>
      <fill>
        <patternFill>
          <bgColor theme="7" tint="0.39994506668294322"/>
        </patternFill>
      </fill>
    </dxf>
    <dxf>
      <fill>
        <patternFill>
          <bgColor theme="9" tint="-0.24994659260841701"/>
        </patternFill>
      </fill>
    </dxf>
    <dxf>
      <fill>
        <patternFill>
          <bgColor rgb="FFFFFF00"/>
        </patternFill>
      </fill>
    </dxf>
    <dxf>
      <fill>
        <patternFill>
          <bgColor rgb="FF00B050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7030A0"/>
        </patternFill>
      </fill>
    </dxf>
    <dxf>
      <fill>
        <patternFill>
          <bgColor rgb="FF002060"/>
        </patternFill>
      </fill>
    </dxf>
    <dxf>
      <fill>
        <patternFill>
          <bgColor theme="7" tint="0.39994506668294322"/>
        </patternFill>
      </fill>
    </dxf>
    <dxf>
      <fill>
        <patternFill>
          <bgColor theme="9" tint="-0.24994659260841701"/>
        </patternFill>
      </fill>
    </dxf>
    <dxf>
      <fill>
        <patternFill>
          <bgColor rgb="FFFFFF00"/>
        </patternFill>
      </fill>
    </dxf>
    <dxf>
      <fill>
        <patternFill>
          <bgColor rgb="FF00B050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7030A0"/>
        </patternFill>
      </fill>
    </dxf>
    <dxf>
      <fill>
        <patternFill>
          <bgColor rgb="FF002060"/>
        </patternFill>
      </fill>
    </dxf>
    <dxf>
      <fill>
        <patternFill>
          <bgColor theme="7" tint="0.39994506668294322"/>
        </patternFill>
      </fill>
    </dxf>
    <dxf>
      <fill>
        <patternFill>
          <bgColor theme="9" tint="-0.24994659260841701"/>
        </patternFill>
      </fill>
    </dxf>
    <dxf>
      <fill>
        <patternFill>
          <bgColor rgb="FFFFFF00"/>
        </patternFill>
      </fill>
    </dxf>
    <dxf>
      <fill>
        <patternFill>
          <bgColor rgb="FF00B050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7030A0"/>
        </patternFill>
      </fill>
    </dxf>
    <dxf>
      <fill>
        <patternFill>
          <bgColor rgb="FF002060"/>
        </patternFill>
      </fill>
    </dxf>
    <dxf>
      <fill>
        <patternFill>
          <bgColor theme="7" tint="0.39994506668294322"/>
        </patternFill>
      </fill>
    </dxf>
    <dxf>
      <fill>
        <patternFill>
          <bgColor theme="9" tint="-0.24994659260841701"/>
        </patternFill>
      </fill>
    </dxf>
    <dxf>
      <fill>
        <patternFill>
          <bgColor rgb="FFFFFF00"/>
        </patternFill>
      </fill>
    </dxf>
    <dxf>
      <fill>
        <patternFill>
          <bgColor rgb="FF00B050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7030A0"/>
        </patternFill>
      </fill>
    </dxf>
    <dxf>
      <fill>
        <patternFill>
          <bgColor rgb="FF002060"/>
        </patternFill>
      </fill>
    </dxf>
    <dxf>
      <fill>
        <patternFill>
          <bgColor theme="7" tint="0.39994506668294322"/>
        </patternFill>
      </fill>
    </dxf>
    <dxf>
      <fill>
        <patternFill>
          <bgColor theme="9" tint="-0.24994659260841701"/>
        </patternFill>
      </fill>
    </dxf>
    <dxf>
      <fill>
        <patternFill>
          <bgColor rgb="FFFFFF00"/>
        </patternFill>
      </fill>
    </dxf>
    <dxf>
      <fill>
        <patternFill>
          <bgColor rgb="FF00B050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7030A0"/>
        </patternFill>
      </fill>
    </dxf>
    <dxf>
      <fill>
        <patternFill>
          <bgColor rgb="FF002060"/>
        </patternFill>
      </fill>
    </dxf>
    <dxf>
      <fill>
        <patternFill>
          <bgColor theme="7" tint="0.39994506668294322"/>
        </patternFill>
      </fill>
    </dxf>
    <dxf>
      <fill>
        <patternFill>
          <bgColor theme="9" tint="-0.24994659260841701"/>
        </patternFill>
      </fill>
    </dxf>
    <dxf>
      <fill>
        <patternFill>
          <bgColor rgb="FFFFFF00"/>
        </patternFill>
      </fill>
    </dxf>
    <dxf>
      <fill>
        <patternFill>
          <bgColor rgb="FF00B050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7030A0"/>
        </patternFill>
      </fill>
    </dxf>
    <dxf>
      <fill>
        <patternFill>
          <bgColor rgb="FF002060"/>
        </patternFill>
      </fill>
    </dxf>
    <dxf>
      <fill>
        <patternFill>
          <bgColor theme="7" tint="0.39994506668294322"/>
        </patternFill>
      </fill>
    </dxf>
    <dxf>
      <fill>
        <patternFill>
          <bgColor theme="9" tint="-0.24994659260841701"/>
        </patternFill>
      </fill>
    </dxf>
    <dxf>
      <fill>
        <patternFill>
          <bgColor rgb="FFFFFF00"/>
        </patternFill>
      </fill>
    </dxf>
    <dxf>
      <fill>
        <patternFill>
          <bgColor rgb="FF00B050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7030A0"/>
        </patternFill>
      </fill>
    </dxf>
    <dxf>
      <fill>
        <patternFill>
          <bgColor rgb="FF002060"/>
        </patternFill>
      </fill>
    </dxf>
    <dxf>
      <fill>
        <patternFill>
          <bgColor theme="7" tint="0.39994506668294322"/>
        </patternFill>
      </fill>
    </dxf>
    <dxf>
      <fill>
        <patternFill>
          <bgColor theme="9" tint="-0.24994659260841701"/>
        </patternFill>
      </fill>
    </dxf>
    <dxf>
      <fill>
        <patternFill>
          <bgColor rgb="FFFFFF00"/>
        </patternFill>
      </fill>
    </dxf>
    <dxf>
      <fill>
        <patternFill>
          <bgColor rgb="FF00B050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7030A0"/>
        </patternFill>
      </fill>
    </dxf>
    <dxf>
      <fill>
        <patternFill>
          <bgColor rgb="FF002060"/>
        </patternFill>
      </fill>
    </dxf>
    <dxf>
      <fill>
        <patternFill>
          <bgColor theme="7" tint="0.39994506668294322"/>
        </patternFill>
      </fill>
    </dxf>
    <dxf>
      <fill>
        <patternFill>
          <bgColor theme="9" tint="-0.24994659260841701"/>
        </patternFill>
      </fill>
    </dxf>
    <dxf>
      <fill>
        <patternFill>
          <bgColor rgb="FFFFFF00"/>
        </patternFill>
      </fill>
    </dxf>
    <dxf>
      <fill>
        <patternFill>
          <bgColor rgb="FF00B050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7030A0"/>
        </patternFill>
      </fill>
    </dxf>
    <dxf>
      <fill>
        <patternFill>
          <bgColor rgb="FF002060"/>
        </patternFill>
      </fill>
    </dxf>
    <dxf>
      <fill>
        <patternFill>
          <bgColor theme="7" tint="0.39994506668294322"/>
        </patternFill>
      </fill>
    </dxf>
    <dxf>
      <fill>
        <patternFill>
          <bgColor theme="9" tint="-0.24994659260841701"/>
        </patternFill>
      </fill>
    </dxf>
    <dxf>
      <fill>
        <patternFill>
          <bgColor rgb="FFFFFF00"/>
        </patternFill>
      </fill>
    </dxf>
    <dxf>
      <fill>
        <patternFill>
          <bgColor rgb="FF00B050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7030A0"/>
        </patternFill>
      </fill>
    </dxf>
    <dxf>
      <fill>
        <patternFill>
          <bgColor rgb="FF002060"/>
        </patternFill>
      </fill>
    </dxf>
    <dxf>
      <fill>
        <patternFill>
          <bgColor theme="7" tint="0.39994506668294322"/>
        </patternFill>
      </fill>
    </dxf>
    <dxf>
      <fill>
        <patternFill>
          <bgColor theme="9" tint="-0.24994659260841701"/>
        </patternFill>
      </fill>
    </dxf>
    <dxf>
      <fill>
        <patternFill>
          <bgColor rgb="FFFFFF00"/>
        </patternFill>
      </fill>
    </dxf>
    <dxf>
      <fill>
        <patternFill>
          <bgColor rgb="FF00B050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7030A0"/>
        </patternFill>
      </fill>
    </dxf>
    <dxf>
      <fill>
        <patternFill>
          <bgColor rgb="FF002060"/>
        </patternFill>
      </fill>
    </dxf>
    <dxf>
      <fill>
        <patternFill>
          <bgColor theme="7" tint="0.39994506668294322"/>
        </patternFill>
      </fill>
    </dxf>
    <dxf>
      <fill>
        <patternFill>
          <bgColor theme="9" tint="-0.24994659260841701"/>
        </patternFill>
      </fill>
    </dxf>
    <dxf>
      <fill>
        <patternFill>
          <bgColor rgb="FFFFFF00"/>
        </patternFill>
      </fill>
    </dxf>
    <dxf>
      <fill>
        <patternFill>
          <bgColor rgb="FF00B050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7030A0"/>
        </patternFill>
      </fill>
    </dxf>
    <dxf>
      <fill>
        <patternFill>
          <bgColor rgb="FF002060"/>
        </patternFill>
      </fill>
    </dxf>
    <dxf>
      <fill>
        <patternFill>
          <bgColor theme="7" tint="0.39994506668294322"/>
        </patternFill>
      </fill>
    </dxf>
    <dxf>
      <fill>
        <patternFill>
          <bgColor theme="9" tint="-0.24994659260841701"/>
        </patternFill>
      </fill>
    </dxf>
    <dxf>
      <fill>
        <patternFill>
          <bgColor rgb="FFFFFF00"/>
        </patternFill>
      </fill>
    </dxf>
    <dxf>
      <fill>
        <patternFill>
          <bgColor rgb="FF00B050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7030A0"/>
        </patternFill>
      </fill>
    </dxf>
    <dxf>
      <fill>
        <patternFill>
          <bgColor rgb="FF002060"/>
        </patternFill>
      </fill>
    </dxf>
    <dxf>
      <fill>
        <patternFill>
          <bgColor theme="7" tint="0.39994506668294322"/>
        </patternFill>
      </fill>
    </dxf>
    <dxf>
      <fill>
        <patternFill>
          <bgColor theme="9" tint="-0.24994659260841701"/>
        </patternFill>
      </fill>
    </dxf>
    <dxf>
      <fill>
        <patternFill>
          <bgColor rgb="FFFFFF00"/>
        </patternFill>
      </fill>
    </dxf>
    <dxf>
      <fill>
        <patternFill>
          <bgColor rgb="FF00B050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7030A0"/>
        </patternFill>
      </fill>
    </dxf>
    <dxf>
      <fill>
        <patternFill>
          <bgColor rgb="FF002060"/>
        </patternFill>
      </fill>
    </dxf>
    <dxf>
      <fill>
        <patternFill>
          <bgColor theme="7" tint="0.39994506668294322"/>
        </patternFill>
      </fill>
    </dxf>
    <dxf>
      <fill>
        <patternFill>
          <bgColor theme="9" tint="-0.24994659260841701"/>
        </patternFill>
      </fill>
    </dxf>
    <dxf>
      <fill>
        <patternFill>
          <bgColor rgb="FFFFFF00"/>
        </patternFill>
      </fill>
    </dxf>
    <dxf>
      <fill>
        <patternFill>
          <bgColor rgb="FF00B050"/>
        </patternFill>
      </fill>
    </dxf>
    <dxf>
      <fill>
        <patternFill>
          <bgColor rgb="FF92D050"/>
        </patternFill>
      </fill>
    </dxf>
    <dxf>
      <fill>
        <patternFill>
          <bgColor rgb="FF00B0F0"/>
        </patternFill>
      </fill>
    </dxf>
    <dxf>
      <fill>
        <patternFill>
          <bgColor rgb="FF7030A0"/>
        </patternFill>
      </fill>
    </dxf>
    <dxf>
      <fill>
        <patternFill>
          <bgColor rgb="FF00206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2" Type="http://schemas.openxmlformats.org/officeDocument/2006/relationships/worksheet" Target="worksheets/sheet2.xml"/><Relationship Id="rId16" Type="http://schemas.openxmlformats.org/officeDocument/2006/relationships/sharedStrings" Target="sharedStrings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styles" Target="styles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26EEE64-C7E2-4C55-BAE7-16145B492C12}">
  <sheetPr>
    <pageSetUpPr fitToPage="1"/>
  </sheetPr>
  <dimension ref="A1:AK66"/>
  <sheetViews>
    <sheetView tabSelected="1" view="pageBreakPreview" zoomScaleNormal="130" zoomScaleSheetLayoutView="100" workbookViewId="0">
      <selection sqref="A1:R1"/>
    </sheetView>
  </sheetViews>
  <sheetFormatPr defaultColWidth="8.7109375" defaultRowHeight="11.25" x14ac:dyDescent="0.2"/>
  <cols>
    <col min="1" max="1" width="5.42578125" style="81" customWidth="1"/>
    <col min="2" max="3" width="4.140625" style="75" customWidth="1"/>
    <col min="4" max="4" width="3.7109375" style="82" customWidth="1"/>
    <col min="5" max="5" width="3.7109375" style="83" customWidth="1"/>
    <col min="6" max="6" width="3.7109375" style="84" customWidth="1"/>
    <col min="7" max="9" width="3.7109375" style="82" customWidth="1"/>
    <col min="10" max="10" width="3.7109375" style="83" customWidth="1"/>
    <col min="11" max="11" width="3.7109375" style="84" customWidth="1"/>
    <col min="12" max="14" width="3.7109375" style="82" customWidth="1"/>
    <col min="15" max="15" width="4" style="83" customWidth="1"/>
    <col min="16" max="16" width="3.7109375" style="74" customWidth="1"/>
    <col min="17" max="17" width="3.7109375" style="85" customWidth="1"/>
    <col min="18" max="18" width="3.7109375" style="86" customWidth="1"/>
    <col min="19" max="19" width="3.42578125" style="71" customWidth="1"/>
    <col min="20" max="20" width="5.42578125" style="78" customWidth="1"/>
    <col min="21" max="22" width="4.140625" style="78" customWidth="1"/>
    <col min="23" max="33" width="3.7109375" style="78" customWidth="1"/>
    <col min="34" max="34" width="4" style="78" customWidth="1"/>
    <col min="35" max="37" width="3.7109375" style="78" customWidth="1"/>
    <col min="38" max="38" width="8.7109375" style="78"/>
    <col min="39" max="40" width="2.7109375" style="78" bestFit="1" customWidth="1"/>
    <col min="41" max="41" width="8.7109375" style="78"/>
    <col min="42" max="43" width="2.7109375" style="78" bestFit="1" customWidth="1"/>
    <col min="44" max="16384" width="8.7109375" style="78"/>
  </cols>
  <sheetData>
    <row r="1" spans="1:37" s="75" customFormat="1" ht="12" customHeight="1" x14ac:dyDescent="0.25">
      <c r="A1" s="73" t="s">
        <v>5</v>
      </c>
      <c r="B1" s="73"/>
      <c r="C1" s="73"/>
      <c r="D1" s="73"/>
      <c r="E1" s="73"/>
      <c r="F1" s="73"/>
      <c r="G1" s="73"/>
      <c r="H1" s="73"/>
      <c r="I1" s="73"/>
      <c r="J1" s="73"/>
      <c r="K1" s="73"/>
      <c r="L1" s="73"/>
      <c r="M1" s="73"/>
      <c r="N1" s="73"/>
      <c r="O1" s="73"/>
      <c r="P1" s="73"/>
      <c r="Q1" s="73"/>
      <c r="R1" s="73"/>
      <c r="S1" s="74"/>
      <c r="T1" s="73" t="s">
        <v>5</v>
      </c>
      <c r="U1" s="73"/>
      <c r="V1" s="73"/>
      <c r="W1" s="73"/>
      <c r="X1" s="73"/>
      <c r="Y1" s="73"/>
      <c r="Z1" s="73"/>
      <c r="AA1" s="73"/>
      <c r="AB1" s="73"/>
      <c r="AC1" s="73"/>
      <c r="AD1" s="73"/>
      <c r="AE1" s="73"/>
      <c r="AF1" s="73"/>
      <c r="AG1" s="73"/>
      <c r="AH1" s="73"/>
      <c r="AI1" s="73"/>
      <c r="AJ1" s="73"/>
      <c r="AK1" s="73"/>
    </row>
    <row r="2" spans="1:37" s="75" customFormat="1" ht="15" customHeight="1" x14ac:dyDescent="0.25">
      <c r="A2" s="76" t="s">
        <v>1103</v>
      </c>
      <c r="B2" s="76" t="s">
        <v>1104</v>
      </c>
      <c r="C2" s="73" t="s">
        <v>6</v>
      </c>
      <c r="D2" s="73" t="s">
        <v>260</v>
      </c>
      <c r="E2" s="73"/>
      <c r="F2" s="73"/>
      <c r="G2" s="73"/>
      <c r="H2" s="73"/>
      <c r="I2" s="73"/>
      <c r="J2" s="73"/>
      <c r="K2" s="73"/>
      <c r="L2" s="73"/>
      <c r="M2" s="73"/>
      <c r="N2" s="73"/>
      <c r="O2" s="73"/>
      <c r="P2" s="73" t="s">
        <v>7</v>
      </c>
      <c r="Q2" s="72" t="s">
        <v>8</v>
      </c>
      <c r="R2" s="72" t="s">
        <v>1105</v>
      </c>
      <c r="S2" s="74"/>
      <c r="T2" s="76" t="s">
        <v>1103</v>
      </c>
      <c r="U2" s="76" t="s">
        <v>1104</v>
      </c>
      <c r="V2" s="73" t="s">
        <v>6</v>
      </c>
      <c r="W2" s="73" t="s">
        <v>260</v>
      </c>
      <c r="X2" s="73"/>
      <c r="Y2" s="73"/>
      <c r="Z2" s="73"/>
      <c r="AA2" s="73"/>
      <c r="AB2" s="73"/>
      <c r="AC2" s="73"/>
      <c r="AD2" s="73"/>
      <c r="AE2" s="73"/>
      <c r="AF2" s="73"/>
      <c r="AG2" s="73"/>
      <c r="AH2" s="73"/>
      <c r="AI2" s="73" t="s">
        <v>7</v>
      </c>
      <c r="AJ2" s="72" t="s">
        <v>8</v>
      </c>
      <c r="AK2" s="72" t="s">
        <v>1105</v>
      </c>
    </row>
    <row r="3" spans="1:37" ht="25.5" customHeight="1" x14ac:dyDescent="0.2">
      <c r="A3" s="76"/>
      <c r="B3" s="76"/>
      <c r="C3" s="73"/>
      <c r="D3" s="77">
        <v>12</v>
      </c>
      <c r="E3" s="77">
        <v>11</v>
      </c>
      <c r="F3" s="77">
        <v>10</v>
      </c>
      <c r="G3" s="77">
        <v>9</v>
      </c>
      <c r="H3" s="77">
        <v>8</v>
      </c>
      <c r="I3" s="77">
        <v>7</v>
      </c>
      <c r="J3" s="77">
        <v>6</v>
      </c>
      <c r="K3" s="77">
        <v>5</v>
      </c>
      <c r="L3" s="77">
        <v>4</v>
      </c>
      <c r="M3" s="77">
        <v>3</v>
      </c>
      <c r="N3" s="77">
        <v>2</v>
      </c>
      <c r="O3" s="77">
        <v>1</v>
      </c>
      <c r="P3" s="73"/>
      <c r="Q3" s="72"/>
      <c r="R3" s="72"/>
      <c r="T3" s="76"/>
      <c r="U3" s="76"/>
      <c r="V3" s="73"/>
      <c r="W3" s="77">
        <v>12</v>
      </c>
      <c r="X3" s="77">
        <v>11</v>
      </c>
      <c r="Y3" s="77">
        <v>10</v>
      </c>
      <c r="Z3" s="77">
        <v>9</v>
      </c>
      <c r="AA3" s="77">
        <v>8</v>
      </c>
      <c r="AB3" s="77">
        <v>7</v>
      </c>
      <c r="AC3" s="77">
        <v>6</v>
      </c>
      <c r="AD3" s="77">
        <v>5</v>
      </c>
      <c r="AE3" s="77">
        <v>4</v>
      </c>
      <c r="AF3" s="77">
        <v>3</v>
      </c>
      <c r="AG3" s="77">
        <v>2</v>
      </c>
      <c r="AH3" s="77">
        <v>1</v>
      </c>
      <c r="AI3" s="73"/>
      <c r="AJ3" s="72"/>
      <c r="AK3" s="72"/>
    </row>
    <row r="4" spans="1:37" s="9" customFormat="1" x14ac:dyDescent="0.2">
      <c r="A4" s="63" t="s">
        <v>1102</v>
      </c>
      <c r="B4" s="44">
        <v>18</v>
      </c>
      <c r="C4" s="45"/>
      <c r="D4" s="46"/>
      <c r="E4" s="47"/>
      <c r="F4" s="48"/>
      <c r="G4" s="46"/>
      <c r="H4" s="46"/>
      <c r="I4" s="46"/>
      <c r="J4" s="47"/>
      <c r="K4" s="48"/>
      <c r="L4" s="46"/>
      <c r="M4" s="46"/>
      <c r="N4" s="46"/>
      <c r="O4" s="47"/>
      <c r="P4" s="49"/>
      <c r="Q4" s="56"/>
      <c r="R4" s="50"/>
      <c r="S4" s="71"/>
      <c r="T4" s="63" t="s">
        <v>18</v>
      </c>
      <c r="U4" s="44" t="s">
        <v>259</v>
      </c>
      <c r="V4" s="49"/>
      <c r="W4" s="46"/>
      <c r="X4" s="47"/>
      <c r="Y4" s="48"/>
      <c r="Z4" s="46"/>
      <c r="AA4" s="46"/>
      <c r="AB4" s="46"/>
      <c r="AC4" s="47"/>
      <c r="AD4" s="48"/>
      <c r="AE4" s="46"/>
      <c r="AF4" s="46" t="s">
        <v>0</v>
      </c>
      <c r="AG4" s="46"/>
      <c r="AH4" s="47"/>
      <c r="AI4" s="49"/>
      <c r="AJ4" s="56">
        <v>4</v>
      </c>
      <c r="AK4" s="50" t="s">
        <v>259</v>
      </c>
    </row>
    <row r="5" spans="1:37" s="19" customFormat="1" x14ac:dyDescent="0.2">
      <c r="A5" s="58" t="s">
        <v>1101</v>
      </c>
      <c r="B5" s="10">
        <v>9</v>
      </c>
      <c r="C5" s="17"/>
      <c r="D5" s="13"/>
      <c r="E5" s="14"/>
      <c r="F5" s="15"/>
      <c r="G5" s="13"/>
      <c r="H5" s="13"/>
      <c r="I5" s="13"/>
      <c r="J5" s="14"/>
      <c r="K5" s="15"/>
      <c r="L5" s="13"/>
      <c r="M5" s="13"/>
      <c r="N5" s="13"/>
      <c r="O5" s="14"/>
      <c r="P5" s="12"/>
      <c r="Q5" s="52"/>
      <c r="R5" s="18"/>
      <c r="S5" s="71"/>
      <c r="T5" s="58" t="s">
        <v>1068</v>
      </c>
      <c r="U5" s="10">
        <v>50</v>
      </c>
      <c r="V5" s="17"/>
      <c r="W5" s="13"/>
      <c r="X5" s="14"/>
      <c r="Y5" s="15"/>
      <c r="Z5" s="13"/>
      <c r="AA5" s="13"/>
      <c r="AB5" s="13"/>
      <c r="AC5" s="14"/>
      <c r="AD5" s="15"/>
      <c r="AE5" s="13"/>
      <c r="AF5" s="13"/>
      <c r="AG5" s="13"/>
      <c r="AH5" s="14"/>
      <c r="AI5" s="12"/>
      <c r="AJ5" s="52"/>
      <c r="AK5" s="18"/>
    </row>
    <row r="6" spans="1:37" s="19" customFormat="1" x14ac:dyDescent="0.2">
      <c r="A6" s="61">
        <v>291</v>
      </c>
      <c r="B6" s="10">
        <v>14</v>
      </c>
      <c r="C6" s="12"/>
      <c r="D6" s="13"/>
      <c r="E6" s="14"/>
      <c r="F6" s="15"/>
      <c r="G6" s="13" t="s">
        <v>0</v>
      </c>
      <c r="H6" s="13"/>
      <c r="I6" s="13"/>
      <c r="J6" s="14"/>
      <c r="K6" s="15"/>
      <c r="L6" s="13"/>
      <c r="M6" s="13"/>
      <c r="N6" s="13"/>
      <c r="O6" s="14"/>
      <c r="P6" s="12"/>
      <c r="Q6" s="52">
        <v>4</v>
      </c>
      <c r="R6" s="18" t="s">
        <v>259</v>
      </c>
      <c r="S6" s="71"/>
      <c r="T6" s="58" t="s">
        <v>20</v>
      </c>
      <c r="U6" s="10" t="s">
        <v>259</v>
      </c>
      <c r="V6" s="12"/>
      <c r="W6" s="13"/>
      <c r="X6" s="14"/>
      <c r="Y6" s="15"/>
      <c r="Z6" s="13"/>
      <c r="AA6" s="13"/>
      <c r="AB6" s="13"/>
      <c r="AC6" s="14" t="s">
        <v>0</v>
      </c>
      <c r="AD6" s="15"/>
      <c r="AE6" s="13"/>
      <c r="AF6" s="13"/>
      <c r="AG6" s="13"/>
      <c r="AH6" s="14"/>
      <c r="AI6" s="12"/>
      <c r="AJ6" s="52">
        <v>4</v>
      </c>
      <c r="AK6" s="18" t="s">
        <v>259</v>
      </c>
    </row>
    <row r="7" spans="1:37" s="19" customFormat="1" x14ac:dyDescent="0.2">
      <c r="A7" s="58" t="s">
        <v>1100</v>
      </c>
      <c r="B7" s="10" t="s">
        <v>259</v>
      </c>
      <c r="C7" s="17"/>
      <c r="D7" s="13"/>
      <c r="E7" s="14"/>
      <c r="F7" s="15"/>
      <c r="G7" s="13"/>
      <c r="H7" s="13"/>
      <c r="I7" s="13"/>
      <c r="J7" s="14"/>
      <c r="K7" s="15"/>
      <c r="L7" s="13"/>
      <c r="M7" s="13"/>
      <c r="N7" s="13"/>
      <c r="O7" s="14"/>
      <c r="P7" s="12"/>
      <c r="Q7" s="52"/>
      <c r="R7" s="18"/>
      <c r="S7" s="71"/>
      <c r="T7" s="58" t="s">
        <v>1067</v>
      </c>
      <c r="U7" s="10">
        <v>36</v>
      </c>
      <c r="V7" s="12"/>
      <c r="W7" s="13"/>
      <c r="X7" s="14"/>
      <c r="Y7" s="15"/>
      <c r="Z7" s="13"/>
      <c r="AA7" s="13"/>
      <c r="AB7" s="13"/>
      <c r="AC7" s="14"/>
      <c r="AD7" s="15"/>
      <c r="AE7" s="13"/>
      <c r="AF7" s="13"/>
      <c r="AG7" s="13"/>
      <c r="AH7" s="14"/>
      <c r="AI7" s="12"/>
      <c r="AJ7" s="52"/>
      <c r="AK7" s="18"/>
    </row>
    <row r="8" spans="1:37" s="28" customFormat="1" x14ac:dyDescent="0.2">
      <c r="A8" s="59" t="s">
        <v>1099</v>
      </c>
      <c r="B8" s="20" t="s">
        <v>259</v>
      </c>
      <c r="C8" s="26"/>
      <c r="D8" s="23"/>
      <c r="E8" s="24"/>
      <c r="F8" s="25"/>
      <c r="G8" s="23"/>
      <c r="H8" s="23"/>
      <c r="I8" s="23"/>
      <c r="J8" s="24"/>
      <c r="K8" s="25"/>
      <c r="L8" s="23"/>
      <c r="M8" s="23"/>
      <c r="N8" s="23"/>
      <c r="O8" s="24"/>
      <c r="P8" s="22"/>
      <c r="Q8" s="53"/>
      <c r="R8" s="27"/>
      <c r="S8" s="71"/>
      <c r="T8" s="59" t="s">
        <v>21</v>
      </c>
      <c r="U8" s="20" t="s">
        <v>259</v>
      </c>
      <c r="V8" s="22"/>
      <c r="W8" s="23"/>
      <c r="X8" s="24"/>
      <c r="Y8" s="25"/>
      <c r="Z8" s="23" t="s">
        <v>0</v>
      </c>
      <c r="AA8" s="23"/>
      <c r="AB8" s="23"/>
      <c r="AC8" s="24"/>
      <c r="AD8" s="25"/>
      <c r="AE8" s="23"/>
      <c r="AF8" s="23"/>
      <c r="AG8" s="23"/>
      <c r="AH8" s="24"/>
      <c r="AI8" s="22"/>
      <c r="AJ8" s="53">
        <v>4</v>
      </c>
      <c r="AK8" s="27" t="s">
        <v>259</v>
      </c>
    </row>
    <row r="9" spans="1:37" s="9" customFormat="1" x14ac:dyDescent="0.2">
      <c r="A9" s="60" t="s">
        <v>1098</v>
      </c>
      <c r="B9" s="1">
        <v>22</v>
      </c>
      <c r="C9" s="3"/>
      <c r="D9" s="4"/>
      <c r="E9" s="5"/>
      <c r="F9" s="6"/>
      <c r="G9" s="4"/>
      <c r="H9" s="4"/>
      <c r="I9" s="4"/>
      <c r="J9" s="5"/>
      <c r="K9" s="6"/>
      <c r="L9" s="4"/>
      <c r="M9" s="4"/>
      <c r="N9" s="4"/>
      <c r="O9" s="5"/>
      <c r="P9" s="3"/>
      <c r="Q9" s="51"/>
      <c r="R9" s="8"/>
      <c r="S9" s="71"/>
      <c r="T9" s="60" t="s">
        <v>1066</v>
      </c>
      <c r="U9" s="1">
        <v>27</v>
      </c>
      <c r="V9" s="3"/>
      <c r="W9" s="4"/>
      <c r="X9" s="5"/>
      <c r="Y9" s="6"/>
      <c r="Z9" s="4"/>
      <c r="AA9" s="4"/>
      <c r="AB9" s="4"/>
      <c r="AC9" s="5"/>
      <c r="AD9" s="6"/>
      <c r="AE9" s="4"/>
      <c r="AF9" s="4"/>
      <c r="AG9" s="4"/>
      <c r="AH9" s="5"/>
      <c r="AI9" s="3"/>
      <c r="AJ9" s="51"/>
      <c r="AK9" s="8"/>
    </row>
    <row r="10" spans="1:37" s="19" customFormat="1" x14ac:dyDescent="0.2">
      <c r="A10" s="58" t="s">
        <v>9</v>
      </c>
      <c r="B10" s="10" t="s">
        <v>259</v>
      </c>
      <c r="C10" s="12"/>
      <c r="D10" s="13"/>
      <c r="E10" s="14"/>
      <c r="F10" s="15"/>
      <c r="G10" s="13" t="s">
        <v>0</v>
      </c>
      <c r="H10" s="13" t="s">
        <v>0</v>
      </c>
      <c r="I10" s="13"/>
      <c r="J10" s="14"/>
      <c r="K10" s="15"/>
      <c r="L10" s="13"/>
      <c r="M10" s="13"/>
      <c r="N10" s="13"/>
      <c r="O10" s="14"/>
      <c r="P10" s="12"/>
      <c r="Q10" s="52">
        <v>8</v>
      </c>
      <c r="R10" s="18" t="s">
        <v>259</v>
      </c>
      <c r="S10" s="71"/>
      <c r="T10" s="58" t="s">
        <v>22</v>
      </c>
      <c r="U10" s="10" t="s">
        <v>259</v>
      </c>
      <c r="V10" s="12"/>
      <c r="W10" s="13"/>
      <c r="X10" s="14"/>
      <c r="Y10" s="15"/>
      <c r="Z10" s="13"/>
      <c r="AA10" s="13"/>
      <c r="AB10" s="13"/>
      <c r="AC10" s="14"/>
      <c r="AD10" s="15"/>
      <c r="AE10" s="13"/>
      <c r="AF10" s="13"/>
      <c r="AG10" s="13" t="s">
        <v>0</v>
      </c>
      <c r="AH10" s="14"/>
      <c r="AI10" s="12"/>
      <c r="AJ10" s="52">
        <v>4</v>
      </c>
      <c r="AK10" s="18" t="s">
        <v>259</v>
      </c>
    </row>
    <row r="11" spans="1:37" s="19" customFormat="1" x14ac:dyDescent="0.2">
      <c r="A11" s="58" t="s">
        <v>10</v>
      </c>
      <c r="B11" s="10">
        <v>21</v>
      </c>
      <c r="C11" s="12"/>
      <c r="D11" s="13"/>
      <c r="E11" s="14"/>
      <c r="F11" s="15"/>
      <c r="G11" s="13"/>
      <c r="H11" s="13"/>
      <c r="I11" s="13"/>
      <c r="J11" s="14"/>
      <c r="K11" s="15"/>
      <c r="L11" s="13"/>
      <c r="M11" s="13" t="s">
        <v>0</v>
      </c>
      <c r="N11" s="13"/>
      <c r="O11" s="14"/>
      <c r="P11" s="12"/>
      <c r="Q11" s="52">
        <v>4</v>
      </c>
      <c r="R11" s="18" t="s">
        <v>259</v>
      </c>
      <c r="S11" s="71"/>
      <c r="T11" s="58" t="s">
        <v>1065</v>
      </c>
      <c r="U11" s="10">
        <v>71</v>
      </c>
      <c r="V11" s="17"/>
      <c r="W11" s="13"/>
      <c r="X11" s="14"/>
      <c r="Y11" s="15"/>
      <c r="Z11" s="13"/>
      <c r="AA11" s="13"/>
      <c r="AB11" s="13"/>
      <c r="AC11" s="14"/>
      <c r="AD11" s="15"/>
      <c r="AE11" s="13"/>
      <c r="AF11" s="13"/>
      <c r="AG11" s="13"/>
      <c r="AH11" s="14"/>
      <c r="AI11" s="12"/>
      <c r="AJ11" s="52"/>
      <c r="AK11" s="18"/>
    </row>
    <row r="12" spans="1:37" s="19" customFormat="1" x14ac:dyDescent="0.2">
      <c r="A12" s="58" t="s">
        <v>1097</v>
      </c>
      <c r="B12" s="10">
        <v>22</v>
      </c>
      <c r="C12" s="17"/>
      <c r="D12" s="13"/>
      <c r="E12" s="14"/>
      <c r="F12" s="15"/>
      <c r="G12" s="13"/>
      <c r="H12" s="13"/>
      <c r="I12" s="13"/>
      <c r="J12" s="14"/>
      <c r="K12" s="15"/>
      <c r="L12" s="13"/>
      <c r="M12" s="13"/>
      <c r="N12" s="13"/>
      <c r="O12" s="14"/>
      <c r="P12" s="12"/>
      <c r="Q12" s="52"/>
      <c r="R12" s="18"/>
      <c r="S12" s="71"/>
      <c r="T12" s="58" t="s">
        <v>1064</v>
      </c>
      <c r="U12" s="10">
        <v>44</v>
      </c>
      <c r="V12" s="12"/>
      <c r="W12" s="13"/>
      <c r="X12" s="14"/>
      <c r="Y12" s="15"/>
      <c r="Z12" s="13"/>
      <c r="AA12" s="13"/>
      <c r="AB12" s="13"/>
      <c r="AC12" s="14"/>
      <c r="AD12" s="15"/>
      <c r="AE12" s="13"/>
      <c r="AF12" s="13"/>
      <c r="AG12" s="13"/>
      <c r="AH12" s="14"/>
      <c r="AI12" s="12"/>
      <c r="AJ12" s="52"/>
      <c r="AK12" s="18"/>
    </row>
    <row r="13" spans="1:37" s="28" customFormat="1" x14ac:dyDescent="0.2">
      <c r="A13" s="59">
        <v>299</v>
      </c>
      <c r="B13" s="20" t="s">
        <v>259</v>
      </c>
      <c r="C13" s="22"/>
      <c r="D13" s="23"/>
      <c r="E13" s="24"/>
      <c r="F13" s="25"/>
      <c r="G13" s="23"/>
      <c r="H13" s="23"/>
      <c r="I13" s="23"/>
      <c r="J13" s="24" t="s">
        <v>2</v>
      </c>
      <c r="K13" s="25" t="s">
        <v>2</v>
      </c>
      <c r="L13" s="23"/>
      <c r="M13" s="23"/>
      <c r="N13" s="23"/>
      <c r="O13" s="24"/>
      <c r="P13" s="22"/>
      <c r="Q13" s="53" t="s">
        <v>259</v>
      </c>
      <c r="R13" s="27">
        <v>15</v>
      </c>
      <c r="S13" s="71"/>
      <c r="T13" s="59">
        <v>333</v>
      </c>
      <c r="U13" s="20" t="s">
        <v>259</v>
      </c>
      <c r="V13" s="22"/>
      <c r="W13" s="23"/>
      <c r="X13" s="24"/>
      <c r="Y13" s="25"/>
      <c r="Z13" s="23"/>
      <c r="AA13" s="23"/>
      <c r="AB13" s="23"/>
      <c r="AC13" s="24"/>
      <c r="AD13" s="25" t="s">
        <v>1</v>
      </c>
      <c r="AE13" s="23"/>
      <c r="AF13" s="23"/>
      <c r="AG13" s="23"/>
      <c r="AH13" s="24"/>
      <c r="AI13" s="22"/>
      <c r="AJ13" s="53">
        <v>4</v>
      </c>
      <c r="AK13" s="27" t="s">
        <v>259</v>
      </c>
    </row>
    <row r="14" spans="1:37" s="9" customFormat="1" x14ac:dyDescent="0.2">
      <c r="A14" s="60" t="s">
        <v>1096</v>
      </c>
      <c r="B14" s="1" t="s">
        <v>259</v>
      </c>
      <c r="C14" s="7"/>
      <c r="D14" s="4"/>
      <c r="E14" s="5"/>
      <c r="F14" s="6"/>
      <c r="G14" s="4"/>
      <c r="H14" s="4"/>
      <c r="I14" s="4"/>
      <c r="J14" s="5"/>
      <c r="K14" s="6"/>
      <c r="L14" s="4"/>
      <c r="M14" s="4"/>
      <c r="N14" s="4"/>
      <c r="O14" s="5"/>
      <c r="P14" s="3"/>
      <c r="Q14" s="51"/>
      <c r="R14" s="8"/>
      <c r="S14" s="71"/>
      <c r="T14" s="60" t="s">
        <v>1063</v>
      </c>
      <c r="U14" s="1">
        <v>71</v>
      </c>
      <c r="V14" s="3"/>
      <c r="W14" s="4"/>
      <c r="X14" s="5"/>
      <c r="Y14" s="6"/>
      <c r="Z14" s="4"/>
      <c r="AA14" s="4"/>
      <c r="AB14" s="4"/>
      <c r="AC14" s="5"/>
      <c r="AD14" s="6"/>
      <c r="AE14" s="4"/>
      <c r="AF14" s="4"/>
      <c r="AG14" s="4"/>
      <c r="AH14" s="5"/>
      <c r="AI14" s="3"/>
      <c r="AJ14" s="51"/>
      <c r="AK14" s="8"/>
    </row>
    <row r="15" spans="1:37" s="19" customFormat="1" x14ac:dyDescent="0.2">
      <c r="A15" s="58" t="s">
        <v>1095</v>
      </c>
      <c r="B15" s="10">
        <v>22</v>
      </c>
      <c r="C15" s="17"/>
      <c r="D15" s="13"/>
      <c r="E15" s="14"/>
      <c r="F15" s="15"/>
      <c r="G15" s="13"/>
      <c r="H15" s="13"/>
      <c r="I15" s="13"/>
      <c r="J15" s="14"/>
      <c r="K15" s="15"/>
      <c r="L15" s="13"/>
      <c r="M15" s="13"/>
      <c r="N15" s="13"/>
      <c r="O15" s="14"/>
      <c r="P15" s="12"/>
      <c r="Q15" s="52"/>
      <c r="R15" s="18"/>
      <c r="S15" s="71"/>
      <c r="T15" s="58" t="s">
        <v>1062</v>
      </c>
      <c r="U15" s="10">
        <v>40</v>
      </c>
      <c r="V15" s="12"/>
      <c r="W15" s="13"/>
      <c r="X15" s="14"/>
      <c r="Y15" s="15"/>
      <c r="Z15" s="13"/>
      <c r="AA15" s="13"/>
      <c r="AB15" s="13"/>
      <c r="AC15" s="14"/>
      <c r="AD15" s="15"/>
      <c r="AE15" s="13"/>
      <c r="AF15" s="13"/>
      <c r="AG15" s="13"/>
      <c r="AH15" s="14"/>
      <c r="AI15" s="12"/>
      <c r="AJ15" s="52"/>
      <c r="AK15" s="18"/>
    </row>
    <row r="16" spans="1:37" s="19" customFormat="1" x14ac:dyDescent="0.2">
      <c r="A16" s="58" t="s">
        <v>11</v>
      </c>
      <c r="B16" s="10" t="s">
        <v>259</v>
      </c>
      <c r="C16" s="12"/>
      <c r="D16" s="13"/>
      <c r="E16" s="14"/>
      <c r="F16" s="15"/>
      <c r="G16" s="13"/>
      <c r="H16" s="13"/>
      <c r="I16" s="13" t="s">
        <v>0</v>
      </c>
      <c r="J16" s="14"/>
      <c r="K16" s="15"/>
      <c r="L16" s="13"/>
      <c r="M16" s="13"/>
      <c r="N16" s="13"/>
      <c r="O16" s="14"/>
      <c r="P16" s="12"/>
      <c r="Q16" s="52">
        <v>4</v>
      </c>
      <c r="R16" s="18" t="s">
        <v>259</v>
      </c>
      <c r="S16" s="71"/>
      <c r="T16" s="58">
        <v>335</v>
      </c>
      <c r="U16" s="10" t="s">
        <v>259</v>
      </c>
      <c r="V16" s="12"/>
      <c r="W16" s="13"/>
      <c r="X16" s="14"/>
      <c r="Y16" s="15"/>
      <c r="Z16" s="13" t="s">
        <v>2</v>
      </c>
      <c r="AA16" s="13"/>
      <c r="AB16" s="13"/>
      <c r="AC16" s="14"/>
      <c r="AD16" s="15"/>
      <c r="AE16" s="13" t="s">
        <v>2</v>
      </c>
      <c r="AF16" s="13" t="s">
        <v>2</v>
      </c>
      <c r="AG16" s="13"/>
      <c r="AH16" s="14"/>
      <c r="AI16" s="12"/>
      <c r="AJ16" s="52" t="s">
        <v>259</v>
      </c>
      <c r="AK16" s="18">
        <v>56</v>
      </c>
    </row>
    <row r="17" spans="1:37" s="19" customFormat="1" x14ac:dyDescent="0.2">
      <c r="A17" s="58" t="s">
        <v>12</v>
      </c>
      <c r="B17" s="10">
        <v>36</v>
      </c>
      <c r="C17" s="12"/>
      <c r="D17" s="13"/>
      <c r="E17" s="14"/>
      <c r="F17" s="15"/>
      <c r="G17" s="13"/>
      <c r="H17" s="13"/>
      <c r="I17" s="13"/>
      <c r="J17" s="14"/>
      <c r="K17" s="15"/>
      <c r="L17" s="13" t="s">
        <v>0</v>
      </c>
      <c r="M17" s="13"/>
      <c r="N17" s="13"/>
      <c r="O17" s="14"/>
      <c r="P17" s="12"/>
      <c r="Q17" s="52">
        <v>4</v>
      </c>
      <c r="R17" s="18" t="s">
        <v>259</v>
      </c>
      <c r="S17" s="71"/>
      <c r="T17" s="58" t="s">
        <v>23</v>
      </c>
      <c r="U17" s="10" t="s">
        <v>259</v>
      </c>
      <c r="V17" s="12"/>
      <c r="W17" s="13"/>
      <c r="X17" s="14"/>
      <c r="Y17" s="15"/>
      <c r="Z17" s="13"/>
      <c r="AA17" s="13"/>
      <c r="AB17" s="13"/>
      <c r="AC17" s="14"/>
      <c r="AD17" s="15"/>
      <c r="AE17" s="13"/>
      <c r="AF17" s="13"/>
      <c r="AG17" s="13" t="s">
        <v>0</v>
      </c>
      <c r="AH17" s="14"/>
      <c r="AI17" s="12"/>
      <c r="AJ17" s="52">
        <v>8</v>
      </c>
      <c r="AK17" s="18" t="s">
        <v>259</v>
      </c>
    </row>
    <row r="18" spans="1:37" s="28" customFormat="1" x14ac:dyDescent="0.2">
      <c r="A18" s="59" t="s">
        <v>1094</v>
      </c>
      <c r="B18" s="20" t="s">
        <v>259</v>
      </c>
      <c r="C18" s="26"/>
      <c r="D18" s="23"/>
      <c r="E18" s="24"/>
      <c r="F18" s="25"/>
      <c r="G18" s="23"/>
      <c r="H18" s="23"/>
      <c r="I18" s="23"/>
      <c r="J18" s="24"/>
      <c r="K18" s="25"/>
      <c r="L18" s="23"/>
      <c r="M18" s="23"/>
      <c r="N18" s="23"/>
      <c r="O18" s="24"/>
      <c r="P18" s="22"/>
      <c r="Q18" s="53"/>
      <c r="R18" s="27"/>
      <c r="S18" s="71"/>
      <c r="T18" s="59" t="s">
        <v>1061</v>
      </c>
      <c r="U18" s="20">
        <v>71</v>
      </c>
      <c r="V18" s="22"/>
      <c r="W18" s="23"/>
      <c r="X18" s="24"/>
      <c r="Y18" s="25"/>
      <c r="Z18" s="23"/>
      <c r="AA18" s="23"/>
      <c r="AB18" s="23"/>
      <c r="AC18" s="24"/>
      <c r="AD18" s="25"/>
      <c r="AE18" s="23"/>
      <c r="AF18" s="23"/>
      <c r="AG18" s="23"/>
      <c r="AH18" s="24"/>
      <c r="AI18" s="22"/>
      <c r="AJ18" s="53"/>
      <c r="AK18" s="27"/>
    </row>
    <row r="19" spans="1:37" s="9" customFormat="1" x14ac:dyDescent="0.2">
      <c r="A19" s="60" t="s">
        <v>13</v>
      </c>
      <c r="B19" s="1">
        <v>28</v>
      </c>
      <c r="C19" s="3"/>
      <c r="D19" s="4"/>
      <c r="E19" s="5"/>
      <c r="F19" s="6"/>
      <c r="G19" s="4"/>
      <c r="H19" s="4"/>
      <c r="I19" s="4" t="s">
        <v>0</v>
      </c>
      <c r="J19" s="5"/>
      <c r="K19" s="6"/>
      <c r="L19" s="4"/>
      <c r="M19" s="4"/>
      <c r="N19" s="4"/>
      <c r="O19" s="5"/>
      <c r="P19" s="3"/>
      <c r="Q19" s="51">
        <v>4</v>
      </c>
      <c r="R19" s="8" t="s">
        <v>259</v>
      </c>
      <c r="S19" s="71"/>
      <c r="T19" s="60">
        <v>336</v>
      </c>
      <c r="U19" s="1" t="s">
        <v>259</v>
      </c>
      <c r="V19" s="3"/>
      <c r="W19" s="4"/>
      <c r="X19" s="5" t="s">
        <v>1</v>
      </c>
      <c r="Y19" s="6"/>
      <c r="Z19" s="4"/>
      <c r="AA19" s="4"/>
      <c r="AB19" s="4"/>
      <c r="AC19" s="5"/>
      <c r="AD19" s="6"/>
      <c r="AE19" s="4"/>
      <c r="AF19" s="4"/>
      <c r="AG19" s="4"/>
      <c r="AH19" s="5"/>
      <c r="AI19" s="3"/>
      <c r="AJ19" s="51">
        <v>1</v>
      </c>
      <c r="AK19" s="8" t="s">
        <v>259</v>
      </c>
    </row>
    <row r="20" spans="1:37" s="19" customFormat="1" x14ac:dyDescent="0.2">
      <c r="A20" s="58" t="s">
        <v>1093</v>
      </c>
      <c r="B20" s="10">
        <v>36</v>
      </c>
      <c r="C20" s="17"/>
      <c r="D20" s="13"/>
      <c r="E20" s="14"/>
      <c r="F20" s="15"/>
      <c r="G20" s="13"/>
      <c r="H20" s="13"/>
      <c r="I20" s="13"/>
      <c r="J20" s="14"/>
      <c r="K20" s="15"/>
      <c r="L20" s="13"/>
      <c r="M20" s="13"/>
      <c r="N20" s="13"/>
      <c r="O20" s="14"/>
      <c r="P20" s="12"/>
      <c r="Q20" s="52"/>
      <c r="R20" s="18"/>
      <c r="S20" s="71"/>
      <c r="T20" s="58">
        <v>336</v>
      </c>
      <c r="U20" s="10" t="s">
        <v>259</v>
      </c>
      <c r="V20" s="12"/>
      <c r="W20" s="13"/>
      <c r="X20" s="14"/>
      <c r="Y20" s="15"/>
      <c r="Z20" s="13"/>
      <c r="AA20" s="13"/>
      <c r="AB20" s="13"/>
      <c r="AC20" s="14"/>
      <c r="AD20" s="15"/>
      <c r="AE20" s="13"/>
      <c r="AF20" s="13" t="s">
        <v>2</v>
      </c>
      <c r="AG20" s="13" t="s">
        <v>2</v>
      </c>
      <c r="AH20" s="14"/>
      <c r="AI20" s="12"/>
      <c r="AJ20" s="52" t="s">
        <v>259</v>
      </c>
      <c r="AK20" s="18">
        <v>45</v>
      </c>
    </row>
    <row r="21" spans="1:37" s="19" customFormat="1" x14ac:dyDescent="0.2">
      <c r="A21" s="58" t="s">
        <v>14</v>
      </c>
      <c r="B21" s="10" t="s">
        <v>259</v>
      </c>
      <c r="C21" s="12"/>
      <c r="D21" s="13"/>
      <c r="E21" s="14"/>
      <c r="F21" s="15"/>
      <c r="G21" s="13" t="s">
        <v>0</v>
      </c>
      <c r="H21" s="13" t="s">
        <v>0</v>
      </c>
      <c r="I21" s="13"/>
      <c r="J21" s="14" t="s">
        <v>0</v>
      </c>
      <c r="K21" s="15"/>
      <c r="L21" s="13"/>
      <c r="M21" s="13"/>
      <c r="N21" s="13"/>
      <c r="O21" s="14"/>
      <c r="P21" s="12"/>
      <c r="Q21" s="52">
        <v>11</v>
      </c>
      <c r="R21" s="18" t="s">
        <v>259</v>
      </c>
      <c r="S21" s="71"/>
      <c r="T21" s="58" t="s">
        <v>1060</v>
      </c>
      <c r="U21" s="10">
        <v>52</v>
      </c>
      <c r="V21" s="12"/>
      <c r="W21" s="13"/>
      <c r="X21" s="14"/>
      <c r="Y21" s="15"/>
      <c r="Z21" s="13"/>
      <c r="AA21" s="13"/>
      <c r="AB21" s="13"/>
      <c r="AC21" s="14"/>
      <c r="AD21" s="15"/>
      <c r="AE21" s="13"/>
      <c r="AF21" s="13"/>
      <c r="AG21" s="13"/>
      <c r="AH21" s="14"/>
      <c r="AI21" s="12"/>
      <c r="AJ21" s="52"/>
      <c r="AK21" s="18"/>
    </row>
    <row r="22" spans="1:37" s="19" customFormat="1" x14ac:dyDescent="0.2">
      <c r="A22" s="58" t="s">
        <v>1092</v>
      </c>
      <c r="B22" s="10">
        <v>17</v>
      </c>
      <c r="C22" s="17"/>
      <c r="D22" s="13"/>
      <c r="E22" s="14"/>
      <c r="F22" s="15"/>
      <c r="G22" s="13"/>
      <c r="H22" s="13"/>
      <c r="I22" s="13"/>
      <c r="J22" s="14"/>
      <c r="K22" s="15"/>
      <c r="L22" s="13"/>
      <c r="M22" s="13"/>
      <c r="N22" s="13"/>
      <c r="O22" s="14"/>
      <c r="P22" s="12"/>
      <c r="Q22" s="52"/>
      <c r="R22" s="18"/>
      <c r="S22" s="71"/>
      <c r="T22" s="58">
        <v>337</v>
      </c>
      <c r="U22" s="10" t="s">
        <v>259</v>
      </c>
      <c r="V22" s="12"/>
      <c r="W22" s="13" t="s">
        <v>1</v>
      </c>
      <c r="X22" s="14"/>
      <c r="Y22" s="15"/>
      <c r="Z22" s="13"/>
      <c r="AA22" s="13"/>
      <c r="AB22" s="13"/>
      <c r="AC22" s="14"/>
      <c r="AD22" s="15"/>
      <c r="AE22" s="13"/>
      <c r="AF22" s="13"/>
      <c r="AG22" s="13"/>
      <c r="AH22" s="14"/>
      <c r="AI22" s="12"/>
      <c r="AJ22" s="52">
        <v>4</v>
      </c>
      <c r="AK22" s="18" t="s">
        <v>259</v>
      </c>
    </row>
    <row r="23" spans="1:37" s="28" customFormat="1" x14ac:dyDescent="0.2">
      <c r="A23" s="59" t="s">
        <v>1091</v>
      </c>
      <c r="B23" s="20">
        <v>36</v>
      </c>
      <c r="C23" s="26"/>
      <c r="D23" s="23"/>
      <c r="E23" s="24"/>
      <c r="F23" s="25"/>
      <c r="G23" s="23"/>
      <c r="H23" s="23"/>
      <c r="I23" s="23"/>
      <c r="J23" s="24"/>
      <c r="K23" s="25"/>
      <c r="L23" s="23"/>
      <c r="M23" s="23"/>
      <c r="N23" s="23"/>
      <c r="O23" s="24"/>
      <c r="P23" s="22"/>
      <c r="Q23" s="53"/>
      <c r="R23" s="27"/>
      <c r="S23" s="71"/>
      <c r="T23" s="59" t="s">
        <v>1059</v>
      </c>
      <c r="U23" s="20">
        <v>66</v>
      </c>
      <c r="V23" s="26"/>
      <c r="W23" s="37"/>
      <c r="X23" s="38"/>
      <c r="Y23" s="39"/>
      <c r="Z23" s="37"/>
      <c r="AA23" s="37"/>
      <c r="AB23" s="37"/>
      <c r="AC23" s="38"/>
      <c r="AD23" s="39"/>
      <c r="AE23" s="37"/>
      <c r="AF23" s="37"/>
      <c r="AG23" s="37"/>
      <c r="AH23" s="38"/>
      <c r="AI23" s="26"/>
      <c r="AJ23" s="53"/>
      <c r="AK23" s="27"/>
    </row>
    <row r="24" spans="1:37" s="9" customFormat="1" x14ac:dyDescent="0.2">
      <c r="A24" s="60" t="s">
        <v>15</v>
      </c>
      <c r="B24" s="1">
        <v>57</v>
      </c>
      <c r="C24" s="3"/>
      <c r="D24" s="4"/>
      <c r="E24" s="5"/>
      <c r="F24" s="6"/>
      <c r="G24" s="4"/>
      <c r="H24" s="4"/>
      <c r="I24" s="4"/>
      <c r="J24" s="5"/>
      <c r="K24" s="6"/>
      <c r="L24" s="4" t="s">
        <v>0</v>
      </c>
      <c r="M24" s="4"/>
      <c r="N24" s="4"/>
      <c r="O24" s="5"/>
      <c r="P24" s="3"/>
      <c r="Q24" s="51">
        <v>4</v>
      </c>
      <c r="R24" s="8" t="s">
        <v>259</v>
      </c>
      <c r="S24" s="71"/>
      <c r="T24" s="60">
        <v>338</v>
      </c>
      <c r="U24" s="1" t="s">
        <v>259</v>
      </c>
      <c r="V24" s="3"/>
      <c r="W24" s="4"/>
      <c r="X24" s="5"/>
      <c r="Y24" s="6"/>
      <c r="Z24" s="4" t="s">
        <v>1</v>
      </c>
      <c r="AA24" s="4"/>
      <c r="AB24" s="4"/>
      <c r="AC24" s="5"/>
      <c r="AD24" s="6"/>
      <c r="AE24" s="4"/>
      <c r="AF24" s="4"/>
      <c r="AG24" s="4"/>
      <c r="AH24" s="5"/>
      <c r="AI24" s="3"/>
      <c r="AJ24" s="51">
        <v>1</v>
      </c>
      <c r="AK24" s="8" t="s">
        <v>259</v>
      </c>
    </row>
    <row r="25" spans="1:37" s="19" customFormat="1" x14ac:dyDescent="0.2">
      <c r="A25" s="58" t="s">
        <v>1090</v>
      </c>
      <c r="B25" s="10">
        <v>31</v>
      </c>
      <c r="C25" s="17"/>
      <c r="D25" s="13"/>
      <c r="E25" s="14"/>
      <c r="F25" s="15"/>
      <c r="G25" s="13"/>
      <c r="H25" s="13"/>
      <c r="I25" s="13"/>
      <c r="J25" s="14"/>
      <c r="K25" s="15"/>
      <c r="L25" s="13"/>
      <c r="M25" s="13"/>
      <c r="N25" s="13"/>
      <c r="O25" s="14"/>
      <c r="P25" s="12"/>
      <c r="Q25" s="52"/>
      <c r="R25" s="18"/>
      <c r="S25" s="71"/>
      <c r="T25" s="58" t="s">
        <v>24</v>
      </c>
      <c r="U25" s="10" t="s">
        <v>259</v>
      </c>
      <c r="V25" s="12"/>
      <c r="W25" s="13"/>
      <c r="X25" s="14"/>
      <c r="Y25" s="15"/>
      <c r="Z25" s="13"/>
      <c r="AA25" s="13" t="s">
        <v>0</v>
      </c>
      <c r="AB25" s="13"/>
      <c r="AC25" s="14"/>
      <c r="AD25" s="15"/>
      <c r="AE25" s="13"/>
      <c r="AF25" s="13"/>
      <c r="AG25" s="13"/>
      <c r="AH25" s="14"/>
      <c r="AI25" s="12"/>
      <c r="AJ25" s="52">
        <v>4</v>
      </c>
      <c r="AK25" s="18" t="s">
        <v>259</v>
      </c>
    </row>
    <row r="26" spans="1:37" s="19" customFormat="1" x14ac:dyDescent="0.2">
      <c r="A26" s="58" t="s">
        <v>1089</v>
      </c>
      <c r="B26" s="10" t="s">
        <v>259</v>
      </c>
      <c r="C26" s="17"/>
      <c r="D26" s="13"/>
      <c r="E26" s="14"/>
      <c r="F26" s="15"/>
      <c r="G26" s="13"/>
      <c r="H26" s="13"/>
      <c r="I26" s="13"/>
      <c r="J26" s="14"/>
      <c r="K26" s="15"/>
      <c r="L26" s="13"/>
      <c r="M26" s="13"/>
      <c r="N26" s="13"/>
      <c r="O26" s="14"/>
      <c r="P26" s="12"/>
      <c r="Q26" s="52"/>
      <c r="R26" s="18"/>
      <c r="S26" s="71"/>
      <c r="T26" s="58" t="s">
        <v>1058</v>
      </c>
      <c r="U26" s="10">
        <v>14</v>
      </c>
      <c r="V26" s="12"/>
      <c r="W26" s="13"/>
      <c r="X26" s="14"/>
      <c r="Y26" s="15"/>
      <c r="Z26" s="13"/>
      <c r="AA26" s="13"/>
      <c r="AB26" s="13"/>
      <c r="AC26" s="14"/>
      <c r="AD26" s="15"/>
      <c r="AE26" s="13"/>
      <c r="AF26" s="13"/>
      <c r="AG26" s="13"/>
      <c r="AH26" s="14"/>
      <c r="AI26" s="12"/>
      <c r="AJ26" s="52"/>
      <c r="AK26" s="18"/>
    </row>
    <row r="27" spans="1:37" s="19" customFormat="1" x14ac:dyDescent="0.2">
      <c r="A27" s="58" t="s">
        <v>1088</v>
      </c>
      <c r="B27" s="10">
        <v>37</v>
      </c>
      <c r="C27" s="12"/>
      <c r="D27" s="13"/>
      <c r="E27" s="14"/>
      <c r="F27" s="15"/>
      <c r="G27" s="13"/>
      <c r="H27" s="13"/>
      <c r="I27" s="13"/>
      <c r="J27" s="14"/>
      <c r="K27" s="15"/>
      <c r="L27" s="13"/>
      <c r="M27" s="13"/>
      <c r="N27" s="13"/>
      <c r="O27" s="14"/>
      <c r="P27" s="12"/>
      <c r="Q27" s="52"/>
      <c r="R27" s="18"/>
      <c r="S27" s="71"/>
      <c r="T27" s="58">
        <v>339</v>
      </c>
      <c r="U27" s="10" t="s">
        <v>259</v>
      </c>
      <c r="V27" s="12"/>
      <c r="W27" s="13"/>
      <c r="X27" s="14"/>
      <c r="Y27" s="15"/>
      <c r="Z27" s="13"/>
      <c r="AA27" s="13"/>
      <c r="AB27" s="13"/>
      <c r="AC27" s="14"/>
      <c r="AD27" s="15"/>
      <c r="AE27" s="13"/>
      <c r="AF27" s="13" t="s">
        <v>3</v>
      </c>
      <c r="AG27" s="13" t="s">
        <v>3</v>
      </c>
      <c r="AH27" s="14"/>
      <c r="AI27" s="12"/>
      <c r="AJ27" s="54">
        <v>1</v>
      </c>
      <c r="AK27" s="16" t="s">
        <v>259</v>
      </c>
    </row>
    <row r="28" spans="1:37" s="28" customFormat="1" x14ac:dyDescent="0.2">
      <c r="A28" s="59" t="s">
        <v>1087</v>
      </c>
      <c r="B28" s="20">
        <v>27</v>
      </c>
      <c r="C28" s="26"/>
      <c r="D28" s="23"/>
      <c r="E28" s="24"/>
      <c r="F28" s="25"/>
      <c r="G28" s="23"/>
      <c r="H28" s="23"/>
      <c r="I28" s="23"/>
      <c r="J28" s="24"/>
      <c r="K28" s="25"/>
      <c r="L28" s="23"/>
      <c r="M28" s="23"/>
      <c r="N28" s="23"/>
      <c r="O28" s="24"/>
      <c r="P28" s="22"/>
      <c r="Q28" s="53"/>
      <c r="R28" s="27"/>
      <c r="S28" s="71"/>
      <c r="T28" s="59" t="s">
        <v>1057</v>
      </c>
      <c r="U28" s="20">
        <v>53</v>
      </c>
      <c r="V28" s="22"/>
      <c r="W28" s="23"/>
      <c r="X28" s="24"/>
      <c r="Y28" s="25"/>
      <c r="Z28" s="23"/>
      <c r="AA28" s="23"/>
      <c r="AB28" s="23"/>
      <c r="AC28" s="24"/>
      <c r="AD28" s="25"/>
      <c r="AE28" s="23"/>
      <c r="AF28" s="23"/>
      <c r="AG28" s="23"/>
      <c r="AH28" s="24"/>
      <c r="AI28" s="22"/>
      <c r="AJ28" s="53"/>
      <c r="AK28" s="27"/>
    </row>
    <row r="29" spans="1:37" s="9" customFormat="1" x14ac:dyDescent="0.2">
      <c r="A29" s="60">
        <v>310</v>
      </c>
      <c r="B29" s="1">
        <v>18</v>
      </c>
      <c r="C29" s="3"/>
      <c r="D29" s="4"/>
      <c r="E29" s="5"/>
      <c r="F29" s="6"/>
      <c r="G29" s="4"/>
      <c r="H29" s="4"/>
      <c r="I29" s="4"/>
      <c r="J29" s="5" t="s">
        <v>1</v>
      </c>
      <c r="K29" s="6"/>
      <c r="L29" s="4"/>
      <c r="M29" s="4"/>
      <c r="N29" s="4"/>
      <c r="O29" s="5"/>
      <c r="P29" s="3"/>
      <c r="Q29" s="51">
        <v>6</v>
      </c>
      <c r="R29" s="8" t="s">
        <v>259</v>
      </c>
      <c r="S29" s="71"/>
      <c r="T29" s="60" t="s">
        <v>25</v>
      </c>
      <c r="U29" s="1" t="s">
        <v>259</v>
      </c>
      <c r="V29" s="3"/>
      <c r="W29" s="4"/>
      <c r="X29" s="5"/>
      <c r="Y29" s="6"/>
      <c r="Z29" s="4"/>
      <c r="AA29" s="4" t="s">
        <v>0</v>
      </c>
      <c r="AB29" s="4"/>
      <c r="AC29" s="5"/>
      <c r="AD29" s="6"/>
      <c r="AE29" s="4"/>
      <c r="AF29" s="4"/>
      <c r="AG29" s="4"/>
      <c r="AH29" s="5"/>
      <c r="AI29" s="3"/>
      <c r="AJ29" s="51">
        <v>4</v>
      </c>
      <c r="AK29" s="8" t="s">
        <v>259</v>
      </c>
    </row>
    <row r="30" spans="1:37" s="19" customFormat="1" x14ac:dyDescent="0.2">
      <c r="A30" s="58" t="s">
        <v>1086</v>
      </c>
      <c r="B30" s="10" t="s">
        <v>259</v>
      </c>
      <c r="C30" s="17"/>
      <c r="D30" s="13"/>
      <c r="E30" s="14"/>
      <c r="F30" s="15"/>
      <c r="G30" s="13"/>
      <c r="H30" s="13"/>
      <c r="I30" s="13"/>
      <c r="J30" s="14"/>
      <c r="K30" s="15"/>
      <c r="L30" s="13"/>
      <c r="M30" s="13"/>
      <c r="N30" s="13"/>
      <c r="O30" s="14"/>
      <c r="P30" s="12"/>
      <c r="Q30" s="52"/>
      <c r="R30" s="18"/>
      <c r="S30" s="71"/>
      <c r="T30" s="58" t="s">
        <v>26</v>
      </c>
      <c r="U30" s="10" t="s">
        <v>259</v>
      </c>
      <c r="V30" s="12"/>
      <c r="W30" s="13"/>
      <c r="X30" s="14"/>
      <c r="Y30" s="15"/>
      <c r="Z30" s="13"/>
      <c r="AA30" s="13"/>
      <c r="AB30" s="13"/>
      <c r="AC30" s="14"/>
      <c r="AD30" s="15"/>
      <c r="AE30" s="13"/>
      <c r="AF30" s="13"/>
      <c r="AG30" s="13"/>
      <c r="AH30" s="14" t="s">
        <v>0</v>
      </c>
      <c r="AI30" s="12"/>
      <c r="AJ30" s="52">
        <v>4</v>
      </c>
      <c r="AK30" s="18" t="s">
        <v>259</v>
      </c>
    </row>
    <row r="31" spans="1:37" s="19" customFormat="1" x14ac:dyDescent="0.2">
      <c r="A31" s="58" t="s">
        <v>1085</v>
      </c>
      <c r="B31" s="10">
        <v>53</v>
      </c>
      <c r="C31" s="17"/>
      <c r="D31" s="13"/>
      <c r="E31" s="14"/>
      <c r="F31" s="15"/>
      <c r="G31" s="13"/>
      <c r="H31" s="13"/>
      <c r="I31" s="13"/>
      <c r="J31" s="14"/>
      <c r="K31" s="15"/>
      <c r="L31" s="13"/>
      <c r="M31" s="13"/>
      <c r="N31" s="13"/>
      <c r="O31" s="14"/>
      <c r="P31" s="12"/>
      <c r="Q31" s="52"/>
      <c r="R31" s="18"/>
      <c r="S31" s="71"/>
      <c r="T31" s="58" t="s">
        <v>1056</v>
      </c>
      <c r="U31" s="10">
        <v>48</v>
      </c>
      <c r="V31" s="17"/>
      <c r="W31" s="13"/>
      <c r="X31" s="14"/>
      <c r="Y31" s="15"/>
      <c r="Z31" s="13"/>
      <c r="AA31" s="13"/>
      <c r="AB31" s="13"/>
      <c r="AC31" s="14"/>
      <c r="AD31" s="15"/>
      <c r="AE31" s="13"/>
      <c r="AF31" s="13"/>
      <c r="AG31" s="13"/>
      <c r="AH31" s="14"/>
      <c r="AI31" s="12"/>
      <c r="AJ31" s="52"/>
      <c r="AK31" s="18"/>
    </row>
    <row r="32" spans="1:37" s="19" customFormat="1" x14ac:dyDescent="0.2">
      <c r="A32" s="58" t="s">
        <v>1084</v>
      </c>
      <c r="B32" s="10">
        <v>51</v>
      </c>
      <c r="C32" s="12"/>
      <c r="D32" s="13"/>
      <c r="E32" s="14"/>
      <c r="F32" s="15"/>
      <c r="G32" s="13"/>
      <c r="H32" s="13"/>
      <c r="I32" s="13"/>
      <c r="J32" s="14"/>
      <c r="K32" s="15"/>
      <c r="L32" s="13"/>
      <c r="M32" s="13"/>
      <c r="N32" s="13"/>
      <c r="O32" s="14"/>
      <c r="P32" s="12"/>
      <c r="Q32" s="52"/>
      <c r="R32" s="18"/>
      <c r="S32" s="71"/>
      <c r="T32" s="58">
        <v>341</v>
      </c>
      <c r="U32" s="10" t="s">
        <v>259</v>
      </c>
      <c r="V32" s="12"/>
      <c r="W32" s="13"/>
      <c r="X32" s="14"/>
      <c r="Y32" s="15"/>
      <c r="Z32" s="13"/>
      <c r="AA32" s="13"/>
      <c r="AB32" s="13"/>
      <c r="AC32" s="14"/>
      <c r="AD32" s="15" t="s">
        <v>3</v>
      </c>
      <c r="AE32" s="13" t="s">
        <v>3</v>
      </c>
      <c r="AF32" s="13"/>
      <c r="AG32" s="13"/>
      <c r="AH32" s="14"/>
      <c r="AI32" s="12"/>
      <c r="AJ32" s="52">
        <v>1</v>
      </c>
      <c r="AK32" s="18" t="s">
        <v>259</v>
      </c>
    </row>
    <row r="33" spans="1:37" s="28" customFormat="1" x14ac:dyDescent="0.2">
      <c r="A33" s="59">
        <v>313</v>
      </c>
      <c r="B33" s="20">
        <v>36</v>
      </c>
      <c r="C33" s="22"/>
      <c r="D33" s="23"/>
      <c r="E33" s="24"/>
      <c r="F33" s="25"/>
      <c r="G33" s="23"/>
      <c r="H33" s="23"/>
      <c r="I33" s="23"/>
      <c r="J33" s="24"/>
      <c r="K33" s="25"/>
      <c r="L33" s="23"/>
      <c r="M33" s="23" t="s">
        <v>2</v>
      </c>
      <c r="N33" s="23" t="s">
        <v>2</v>
      </c>
      <c r="O33" s="24" t="s">
        <v>2</v>
      </c>
      <c r="P33" s="22"/>
      <c r="Q33" s="53" t="s">
        <v>259</v>
      </c>
      <c r="R33" s="27">
        <v>30</v>
      </c>
      <c r="S33" s="71"/>
      <c r="T33" s="59" t="s">
        <v>27</v>
      </c>
      <c r="U33" s="20" t="s">
        <v>259</v>
      </c>
      <c r="V33" s="22"/>
      <c r="W33" s="23"/>
      <c r="X33" s="24"/>
      <c r="Y33" s="25"/>
      <c r="Z33" s="23"/>
      <c r="AA33" s="23"/>
      <c r="AB33" s="23"/>
      <c r="AC33" s="24"/>
      <c r="AD33" s="25"/>
      <c r="AE33" s="23"/>
      <c r="AF33" s="23" t="s">
        <v>1</v>
      </c>
      <c r="AG33" s="23"/>
      <c r="AH33" s="24"/>
      <c r="AI33" s="22"/>
      <c r="AJ33" s="53">
        <v>4</v>
      </c>
      <c r="AK33" s="27" t="s">
        <v>259</v>
      </c>
    </row>
    <row r="34" spans="1:37" s="9" customFormat="1" x14ac:dyDescent="0.2">
      <c r="A34" s="60" t="s">
        <v>1083</v>
      </c>
      <c r="B34" s="1" t="s">
        <v>259</v>
      </c>
      <c r="C34" s="3"/>
      <c r="D34" s="4"/>
      <c r="E34" s="5"/>
      <c r="F34" s="6"/>
      <c r="G34" s="4"/>
      <c r="H34" s="4"/>
      <c r="I34" s="4"/>
      <c r="J34" s="5"/>
      <c r="K34" s="6"/>
      <c r="L34" s="4"/>
      <c r="M34" s="4"/>
      <c r="N34" s="4"/>
      <c r="O34" s="5"/>
      <c r="P34" s="3"/>
      <c r="Q34" s="51"/>
      <c r="R34" s="8"/>
      <c r="S34" s="71"/>
      <c r="T34" s="60" t="s">
        <v>27</v>
      </c>
      <c r="U34" s="1" t="s">
        <v>259</v>
      </c>
      <c r="V34" s="67"/>
      <c r="W34" s="68"/>
      <c r="X34" s="79"/>
      <c r="Y34" s="80"/>
      <c r="Z34" s="68"/>
      <c r="AA34" s="68"/>
      <c r="AB34" s="68"/>
      <c r="AC34" s="79"/>
      <c r="AD34" s="80"/>
      <c r="AE34" s="68"/>
      <c r="AF34" s="68" t="s">
        <v>4</v>
      </c>
      <c r="AG34" s="68"/>
      <c r="AH34" s="79"/>
      <c r="AI34" s="67"/>
      <c r="AJ34" s="51">
        <v>5</v>
      </c>
      <c r="AK34" s="8" t="s">
        <v>259</v>
      </c>
    </row>
    <row r="35" spans="1:37" s="19" customFormat="1" x14ac:dyDescent="0.2">
      <c r="A35" s="58" t="s">
        <v>1082</v>
      </c>
      <c r="B35" s="10" t="s">
        <v>259</v>
      </c>
      <c r="C35" s="12"/>
      <c r="D35" s="13"/>
      <c r="E35" s="14"/>
      <c r="F35" s="15"/>
      <c r="G35" s="13"/>
      <c r="H35" s="13"/>
      <c r="I35" s="13"/>
      <c r="J35" s="14"/>
      <c r="K35" s="15"/>
      <c r="L35" s="13"/>
      <c r="M35" s="13"/>
      <c r="N35" s="13"/>
      <c r="O35" s="14"/>
      <c r="P35" s="12"/>
      <c r="Q35" s="52"/>
      <c r="R35" s="18"/>
      <c r="S35" s="71"/>
      <c r="T35" s="58" t="s">
        <v>1055</v>
      </c>
      <c r="U35" s="10">
        <v>66</v>
      </c>
      <c r="V35" s="17"/>
      <c r="W35" s="13"/>
      <c r="X35" s="14"/>
      <c r="Y35" s="15"/>
      <c r="Z35" s="13"/>
      <c r="AA35" s="13"/>
      <c r="AB35" s="13"/>
      <c r="AC35" s="14"/>
      <c r="AD35" s="15"/>
      <c r="AE35" s="13"/>
      <c r="AF35" s="13"/>
      <c r="AG35" s="13"/>
      <c r="AH35" s="14"/>
      <c r="AI35" s="12"/>
      <c r="AJ35" s="52"/>
      <c r="AK35" s="18"/>
    </row>
    <row r="36" spans="1:37" s="19" customFormat="1" x14ac:dyDescent="0.2">
      <c r="A36" s="58" t="s">
        <v>1081</v>
      </c>
      <c r="B36" s="10">
        <v>27</v>
      </c>
      <c r="C36" s="12"/>
      <c r="D36" s="13"/>
      <c r="E36" s="14"/>
      <c r="F36" s="15"/>
      <c r="G36" s="13"/>
      <c r="H36" s="13"/>
      <c r="I36" s="13"/>
      <c r="J36" s="14"/>
      <c r="K36" s="15"/>
      <c r="L36" s="13"/>
      <c r="M36" s="13"/>
      <c r="N36" s="13"/>
      <c r="O36" s="14"/>
      <c r="P36" s="12"/>
      <c r="Q36" s="52"/>
      <c r="R36" s="18"/>
      <c r="S36" s="71"/>
      <c r="T36" s="58" t="s">
        <v>1054</v>
      </c>
      <c r="U36" s="10">
        <v>22</v>
      </c>
      <c r="V36" s="17"/>
      <c r="W36" s="34"/>
      <c r="X36" s="35"/>
      <c r="Y36" s="36"/>
      <c r="Z36" s="34"/>
      <c r="AA36" s="34"/>
      <c r="AB36" s="34"/>
      <c r="AC36" s="35"/>
      <c r="AD36" s="36"/>
      <c r="AE36" s="34"/>
      <c r="AF36" s="34"/>
      <c r="AG36" s="34"/>
      <c r="AH36" s="35"/>
      <c r="AI36" s="12"/>
      <c r="AJ36" s="52"/>
      <c r="AK36" s="18"/>
    </row>
    <row r="37" spans="1:37" s="19" customFormat="1" x14ac:dyDescent="0.2">
      <c r="A37" s="58">
        <v>316</v>
      </c>
      <c r="B37" s="10">
        <v>49</v>
      </c>
      <c r="C37" s="12"/>
      <c r="D37" s="13"/>
      <c r="E37" s="14" t="s">
        <v>1</v>
      </c>
      <c r="F37" s="15"/>
      <c r="G37" s="13"/>
      <c r="H37" s="13"/>
      <c r="I37" s="13"/>
      <c r="J37" s="14"/>
      <c r="K37" s="15"/>
      <c r="L37" s="13"/>
      <c r="M37" s="13"/>
      <c r="N37" s="13"/>
      <c r="O37" s="14"/>
      <c r="P37" s="12"/>
      <c r="Q37" s="52">
        <v>6</v>
      </c>
      <c r="R37" s="18" t="s">
        <v>259</v>
      </c>
      <c r="S37" s="71"/>
      <c r="T37" s="58" t="s">
        <v>28</v>
      </c>
      <c r="U37" s="10" t="s">
        <v>259</v>
      </c>
      <c r="V37" s="12"/>
      <c r="W37" s="13"/>
      <c r="X37" s="14"/>
      <c r="Y37" s="15"/>
      <c r="Z37" s="13"/>
      <c r="AA37" s="13"/>
      <c r="AB37" s="13"/>
      <c r="AC37" s="14"/>
      <c r="AD37" s="15"/>
      <c r="AE37" s="13"/>
      <c r="AF37" s="13" t="s">
        <v>0</v>
      </c>
      <c r="AG37" s="13"/>
      <c r="AH37" s="14" t="s">
        <v>0</v>
      </c>
      <c r="AI37" s="12"/>
      <c r="AJ37" s="52">
        <v>8</v>
      </c>
      <c r="AK37" s="18" t="s">
        <v>259</v>
      </c>
    </row>
    <row r="38" spans="1:37" s="28" customFormat="1" x14ac:dyDescent="0.2">
      <c r="A38" s="59" t="s">
        <v>16</v>
      </c>
      <c r="B38" s="20">
        <v>39</v>
      </c>
      <c r="C38" s="22"/>
      <c r="D38" s="23"/>
      <c r="E38" s="24"/>
      <c r="F38" s="25"/>
      <c r="G38" s="23"/>
      <c r="H38" s="23"/>
      <c r="I38" s="23"/>
      <c r="J38" s="24" t="s">
        <v>0</v>
      </c>
      <c r="K38" s="25"/>
      <c r="L38" s="23"/>
      <c r="M38" s="23"/>
      <c r="N38" s="23"/>
      <c r="O38" s="24"/>
      <c r="P38" s="22"/>
      <c r="Q38" s="53">
        <v>4</v>
      </c>
      <c r="R38" s="27" t="s">
        <v>259</v>
      </c>
      <c r="S38" s="71"/>
      <c r="T38" s="59" t="s">
        <v>1053</v>
      </c>
      <c r="U38" s="20">
        <v>18</v>
      </c>
      <c r="V38" s="26"/>
      <c r="W38" s="37"/>
      <c r="X38" s="38"/>
      <c r="Y38" s="39"/>
      <c r="Z38" s="37"/>
      <c r="AA38" s="37"/>
      <c r="AB38" s="37"/>
      <c r="AC38" s="38"/>
      <c r="AD38" s="39"/>
      <c r="AE38" s="37"/>
      <c r="AF38" s="37"/>
      <c r="AG38" s="37"/>
      <c r="AH38" s="38"/>
      <c r="AI38" s="26"/>
      <c r="AJ38" s="53"/>
      <c r="AK38" s="27"/>
    </row>
    <row r="39" spans="1:37" s="9" customFormat="1" x14ac:dyDescent="0.2">
      <c r="A39" s="60" t="s">
        <v>1080</v>
      </c>
      <c r="B39" s="1">
        <v>44</v>
      </c>
      <c r="C39" s="7"/>
      <c r="D39" s="4"/>
      <c r="E39" s="5"/>
      <c r="F39" s="6"/>
      <c r="G39" s="4"/>
      <c r="H39" s="4"/>
      <c r="I39" s="4"/>
      <c r="J39" s="5"/>
      <c r="K39" s="6"/>
      <c r="L39" s="4"/>
      <c r="M39" s="4"/>
      <c r="N39" s="4"/>
      <c r="O39" s="5"/>
      <c r="P39" s="3"/>
      <c r="Q39" s="51"/>
      <c r="R39" s="8"/>
      <c r="S39" s="71"/>
      <c r="T39" s="60">
        <v>344</v>
      </c>
      <c r="U39" s="1" t="s">
        <v>259</v>
      </c>
      <c r="V39" s="3"/>
      <c r="W39" s="4"/>
      <c r="X39" s="5"/>
      <c r="Y39" s="6"/>
      <c r="Z39" s="4"/>
      <c r="AA39" s="4"/>
      <c r="AB39" s="4"/>
      <c r="AC39" s="5"/>
      <c r="AD39" s="6"/>
      <c r="AE39" s="4"/>
      <c r="AF39" s="4" t="s">
        <v>1</v>
      </c>
      <c r="AG39" s="4"/>
      <c r="AH39" s="5"/>
      <c r="AI39" s="3"/>
      <c r="AJ39" s="51">
        <v>4</v>
      </c>
      <c r="AK39" s="8" t="s">
        <v>259</v>
      </c>
    </row>
    <row r="40" spans="1:37" s="19" customFormat="1" x14ac:dyDescent="0.2">
      <c r="A40" s="58" t="s">
        <v>1079</v>
      </c>
      <c r="B40" s="10">
        <v>40</v>
      </c>
      <c r="C40" s="12"/>
      <c r="D40" s="13"/>
      <c r="E40" s="14"/>
      <c r="F40" s="15"/>
      <c r="G40" s="13"/>
      <c r="H40" s="13"/>
      <c r="I40" s="13"/>
      <c r="J40" s="14"/>
      <c r="K40" s="15"/>
      <c r="L40" s="13"/>
      <c r="M40" s="13"/>
      <c r="N40" s="13"/>
      <c r="O40" s="14"/>
      <c r="P40" s="12"/>
      <c r="Q40" s="52"/>
      <c r="R40" s="18"/>
      <c r="S40" s="71"/>
      <c r="T40" s="58" t="s">
        <v>1052</v>
      </c>
      <c r="U40" s="10">
        <v>35</v>
      </c>
      <c r="V40" s="12"/>
      <c r="W40" s="13"/>
      <c r="X40" s="14"/>
      <c r="Y40" s="15"/>
      <c r="Z40" s="13"/>
      <c r="AA40" s="13"/>
      <c r="AB40" s="13"/>
      <c r="AC40" s="14"/>
      <c r="AD40" s="15"/>
      <c r="AE40" s="13"/>
      <c r="AF40" s="13"/>
      <c r="AG40" s="13"/>
      <c r="AH40" s="14"/>
      <c r="AI40" s="12"/>
      <c r="AJ40" s="52"/>
      <c r="AK40" s="18"/>
    </row>
    <row r="41" spans="1:37" s="19" customFormat="1" x14ac:dyDescent="0.2">
      <c r="A41" s="58" t="s">
        <v>1078</v>
      </c>
      <c r="B41" s="10">
        <v>66</v>
      </c>
      <c r="C41" s="12"/>
      <c r="D41" s="13"/>
      <c r="E41" s="14"/>
      <c r="F41" s="15"/>
      <c r="G41" s="13"/>
      <c r="H41" s="13"/>
      <c r="I41" s="13"/>
      <c r="J41" s="14"/>
      <c r="K41" s="15"/>
      <c r="L41" s="13"/>
      <c r="M41" s="13"/>
      <c r="N41" s="13"/>
      <c r="O41" s="14"/>
      <c r="P41" s="12"/>
      <c r="Q41" s="52"/>
      <c r="R41" s="18"/>
      <c r="S41" s="71"/>
      <c r="T41" s="58">
        <v>345</v>
      </c>
      <c r="U41" s="10" t="s">
        <v>259</v>
      </c>
      <c r="V41" s="12"/>
      <c r="W41" s="13"/>
      <c r="X41" s="14"/>
      <c r="Y41" s="15"/>
      <c r="Z41" s="13"/>
      <c r="AA41" s="13"/>
      <c r="AB41" s="13"/>
      <c r="AC41" s="14"/>
      <c r="AD41" s="15"/>
      <c r="AE41" s="13" t="s">
        <v>1</v>
      </c>
      <c r="AF41" s="13"/>
      <c r="AG41" s="13"/>
      <c r="AH41" s="14"/>
      <c r="AI41" s="12"/>
      <c r="AJ41" s="52">
        <v>4</v>
      </c>
      <c r="AK41" s="18" t="s">
        <v>259</v>
      </c>
    </row>
    <row r="42" spans="1:37" s="19" customFormat="1" x14ac:dyDescent="0.2">
      <c r="A42" s="58" t="s">
        <v>1077</v>
      </c>
      <c r="B42" s="10">
        <v>40</v>
      </c>
      <c r="C42" s="12"/>
      <c r="D42" s="13"/>
      <c r="E42" s="14"/>
      <c r="F42" s="15"/>
      <c r="G42" s="13"/>
      <c r="H42" s="13"/>
      <c r="I42" s="13"/>
      <c r="J42" s="14"/>
      <c r="K42" s="15"/>
      <c r="L42" s="13"/>
      <c r="M42" s="13"/>
      <c r="N42" s="13"/>
      <c r="O42" s="14"/>
      <c r="P42" s="12"/>
      <c r="Q42" s="52"/>
      <c r="R42" s="18"/>
      <c r="S42" s="71"/>
      <c r="T42" s="58" t="s">
        <v>1051</v>
      </c>
      <c r="U42" s="10">
        <v>49</v>
      </c>
      <c r="V42" s="12"/>
      <c r="W42" s="13"/>
      <c r="X42" s="14"/>
      <c r="Y42" s="15"/>
      <c r="Z42" s="13"/>
      <c r="AA42" s="13"/>
      <c r="AB42" s="13"/>
      <c r="AC42" s="14"/>
      <c r="AD42" s="15"/>
      <c r="AE42" s="13"/>
      <c r="AF42" s="13"/>
      <c r="AG42" s="13"/>
      <c r="AH42" s="14"/>
      <c r="AI42" s="12"/>
      <c r="AJ42" s="52"/>
      <c r="AK42" s="18"/>
    </row>
    <row r="43" spans="1:37" s="28" customFormat="1" x14ac:dyDescent="0.2">
      <c r="A43" s="59" t="s">
        <v>1076</v>
      </c>
      <c r="B43" s="20" t="s">
        <v>259</v>
      </c>
      <c r="C43" s="22"/>
      <c r="D43" s="23"/>
      <c r="E43" s="24"/>
      <c r="F43" s="25"/>
      <c r="G43" s="23"/>
      <c r="H43" s="23"/>
      <c r="I43" s="23"/>
      <c r="J43" s="24"/>
      <c r="K43" s="25"/>
      <c r="L43" s="23"/>
      <c r="M43" s="23"/>
      <c r="N43" s="23"/>
      <c r="O43" s="24"/>
      <c r="P43" s="22"/>
      <c r="Q43" s="53"/>
      <c r="R43" s="27"/>
      <c r="S43" s="71"/>
      <c r="T43" s="59">
        <v>346</v>
      </c>
      <c r="U43" s="20" t="s">
        <v>259</v>
      </c>
      <c r="V43" s="22"/>
      <c r="W43" s="23"/>
      <c r="X43" s="24"/>
      <c r="Y43" s="25"/>
      <c r="Z43" s="23"/>
      <c r="AA43" s="23"/>
      <c r="AB43" s="23"/>
      <c r="AC43" s="24"/>
      <c r="AD43" s="25"/>
      <c r="AE43" s="23"/>
      <c r="AF43" s="23"/>
      <c r="AG43" s="23" t="s">
        <v>1</v>
      </c>
      <c r="AH43" s="24"/>
      <c r="AI43" s="22"/>
      <c r="AJ43" s="53">
        <v>4</v>
      </c>
      <c r="AK43" s="27" t="s">
        <v>259</v>
      </c>
    </row>
    <row r="44" spans="1:37" s="9" customFormat="1" x14ac:dyDescent="0.2">
      <c r="A44" s="60" t="s">
        <v>1075</v>
      </c>
      <c r="B44" s="1">
        <v>80</v>
      </c>
      <c r="C44" s="7"/>
      <c r="D44" s="4"/>
      <c r="E44" s="5"/>
      <c r="F44" s="6"/>
      <c r="G44" s="4"/>
      <c r="H44" s="4"/>
      <c r="I44" s="4"/>
      <c r="J44" s="5"/>
      <c r="K44" s="6"/>
      <c r="L44" s="4"/>
      <c r="M44" s="4"/>
      <c r="N44" s="4"/>
      <c r="O44" s="5"/>
      <c r="P44" s="3"/>
      <c r="Q44" s="51"/>
      <c r="R44" s="8"/>
      <c r="S44" s="71"/>
      <c r="T44" s="60" t="s">
        <v>29</v>
      </c>
      <c r="U44" s="1" t="s">
        <v>259</v>
      </c>
      <c r="V44" s="3"/>
      <c r="W44" s="4"/>
      <c r="X44" s="5"/>
      <c r="Y44" s="6"/>
      <c r="Z44" s="4"/>
      <c r="AA44" s="4"/>
      <c r="AB44" s="4"/>
      <c r="AC44" s="5" t="s">
        <v>0</v>
      </c>
      <c r="AD44" s="6"/>
      <c r="AE44" s="4"/>
      <c r="AF44" s="4"/>
      <c r="AG44" s="4"/>
      <c r="AH44" s="5"/>
      <c r="AI44" s="3"/>
      <c r="AJ44" s="51">
        <v>4</v>
      </c>
      <c r="AK44" s="8" t="s">
        <v>259</v>
      </c>
    </row>
    <row r="45" spans="1:37" s="19" customFormat="1" x14ac:dyDescent="0.2">
      <c r="A45" s="58" t="s">
        <v>1074</v>
      </c>
      <c r="B45" s="10" t="s">
        <v>259</v>
      </c>
      <c r="C45" s="12"/>
      <c r="D45" s="13"/>
      <c r="E45" s="14"/>
      <c r="F45" s="15"/>
      <c r="G45" s="13"/>
      <c r="H45" s="13"/>
      <c r="I45" s="13"/>
      <c r="J45" s="14"/>
      <c r="K45" s="15"/>
      <c r="L45" s="13"/>
      <c r="M45" s="13"/>
      <c r="N45" s="13"/>
      <c r="O45" s="14"/>
      <c r="P45" s="12"/>
      <c r="Q45" s="52"/>
      <c r="R45" s="18"/>
      <c r="S45" s="71"/>
      <c r="T45" s="58" t="s">
        <v>1050</v>
      </c>
      <c r="U45" s="10">
        <v>21</v>
      </c>
      <c r="V45" s="17"/>
      <c r="W45" s="13"/>
      <c r="X45" s="14"/>
      <c r="Y45" s="15"/>
      <c r="Z45" s="13"/>
      <c r="AA45" s="13"/>
      <c r="AB45" s="13"/>
      <c r="AC45" s="14"/>
      <c r="AD45" s="15"/>
      <c r="AE45" s="13"/>
      <c r="AF45" s="13"/>
      <c r="AG45" s="13"/>
      <c r="AH45" s="14"/>
      <c r="AI45" s="12"/>
      <c r="AJ45" s="52"/>
      <c r="AK45" s="18"/>
    </row>
    <row r="46" spans="1:37" s="19" customFormat="1" x14ac:dyDescent="0.2">
      <c r="A46" s="58">
        <v>323</v>
      </c>
      <c r="B46" s="10">
        <v>27</v>
      </c>
      <c r="C46" s="12"/>
      <c r="D46" s="13"/>
      <c r="E46" s="14"/>
      <c r="F46" s="15"/>
      <c r="G46" s="13"/>
      <c r="H46" s="13"/>
      <c r="I46" s="13"/>
      <c r="J46" s="14"/>
      <c r="K46" s="15" t="s">
        <v>2</v>
      </c>
      <c r="L46" s="13" t="s">
        <v>2</v>
      </c>
      <c r="M46" s="13"/>
      <c r="N46" s="13"/>
      <c r="O46" s="14"/>
      <c r="P46" s="12"/>
      <c r="Q46" s="52" t="s">
        <v>259</v>
      </c>
      <c r="R46" s="18">
        <v>45</v>
      </c>
      <c r="S46" s="71"/>
      <c r="T46" s="58">
        <v>347</v>
      </c>
      <c r="U46" s="10" t="s">
        <v>259</v>
      </c>
      <c r="V46" s="12"/>
      <c r="W46" s="13"/>
      <c r="X46" s="14"/>
      <c r="Y46" s="15"/>
      <c r="Z46" s="13"/>
      <c r="AA46" s="13"/>
      <c r="AB46" s="13"/>
      <c r="AC46" s="14"/>
      <c r="AD46" s="15"/>
      <c r="AE46" s="13"/>
      <c r="AF46" s="13" t="s">
        <v>1</v>
      </c>
      <c r="AG46" s="13"/>
      <c r="AH46" s="14"/>
      <c r="AI46" s="12"/>
      <c r="AJ46" s="52">
        <v>2</v>
      </c>
      <c r="AK46" s="18" t="s">
        <v>259</v>
      </c>
    </row>
    <row r="47" spans="1:37" s="19" customFormat="1" x14ac:dyDescent="0.2">
      <c r="A47" s="58" t="s">
        <v>1073</v>
      </c>
      <c r="B47" s="10">
        <v>53</v>
      </c>
      <c r="C47" s="17"/>
      <c r="D47" s="13"/>
      <c r="E47" s="14"/>
      <c r="F47" s="15"/>
      <c r="G47" s="13"/>
      <c r="H47" s="13"/>
      <c r="I47" s="13"/>
      <c r="J47" s="14"/>
      <c r="K47" s="15"/>
      <c r="L47" s="13"/>
      <c r="M47" s="13"/>
      <c r="N47" s="13"/>
      <c r="O47" s="14"/>
      <c r="P47" s="12"/>
      <c r="Q47" s="52"/>
      <c r="R47" s="18"/>
      <c r="S47" s="71"/>
      <c r="T47" s="61" t="s">
        <v>30</v>
      </c>
      <c r="U47" s="10" t="s">
        <v>259</v>
      </c>
      <c r="V47" s="17"/>
      <c r="W47" s="34"/>
      <c r="X47" s="35"/>
      <c r="Y47" s="36"/>
      <c r="Z47" s="34"/>
      <c r="AA47" s="34"/>
      <c r="AB47" s="34"/>
      <c r="AC47" s="35"/>
      <c r="AD47" s="36"/>
      <c r="AE47" s="34"/>
      <c r="AF47" s="34" t="s">
        <v>1</v>
      </c>
      <c r="AG47" s="34"/>
      <c r="AH47" s="35"/>
      <c r="AI47" s="17"/>
      <c r="AJ47" s="52">
        <v>6</v>
      </c>
      <c r="AK47" s="18" t="s">
        <v>259</v>
      </c>
    </row>
    <row r="48" spans="1:37" s="28" customFormat="1" x14ac:dyDescent="0.2">
      <c r="A48" s="59" t="s">
        <v>17</v>
      </c>
      <c r="B48" s="20">
        <v>40</v>
      </c>
      <c r="C48" s="22"/>
      <c r="D48" s="23"/>
      <c r="E48" s="24"/>
      <c r="F48" s="25"/>
      <c r="G48" s="23"/>
      <c r="H48" s="23"/>
      <c r="I48" s="23"/>
      <c r="J48" s="24"/>
      <c r="K48" s="25"/>
      <c r="L48" s="23"/>
      <c r="M48" s="23"/>
      <c r="N48" s="23"/>
      <c r="O48" s="24" t="s">
        <v>0</v>
      </c>
      <c r="P48" s="22"/>
      <c r="Q48" s="53">
        <v>4</v>
      </c>
      <c r="R48" s="27" t="s">
        <v>259</v>
      </c>
      <c r="S48" s="71"/>
      <c r="T48" s="59" t="s">
        <v>1049</v>
      </c>
      <c r="U48" s="20">
        <v>44</v>
      </c>
      <c r="V48" s="26"/>
      <c r="W48" s="37"/>
      <c r="X48" s="38"/>
      <c r="Y48" s="39"/>
      <c r="Z48" s="37"/>
      <c r="AA48" s="37"/>
      <c r="AB48" s="37"/>
      <c r="AC48" s="38"/>
      <c r="AD48" s="39"/>
      <c r="AE48" s="37"/>
      <c r="AF48" s="37"/>
      <c r="AG48" s="37"/>
      <c r="AH48" s="38"/>
      <c r="AI48" s="26"/>
      <c r="AJ48" s="53"/>
      <c r="AK48" s="27"/>
    </row>
    <row r="49" spans="1:37" s="9" customFormat="1" x14ac:dyDescent="0.2">
      <c r="A49" s="60" t="s">
        <v>1072</v>
      </c>
      <c r="B49" s="1">
        <v>84</v>
      </c>
      <c r="C49" s="7"/>
      <c r="D49" s="4"/>
      <c r="E49" s="5"/>
      <c r="F49" s="6"/>
      <c r="G49" s="4"/>
      <c r="H49" s="4"/>
      <c r="I49" s="4"/>
      <c r="J49" s="5"/>
      <c r="K49" s="6"/>
      <c r="L49" s="4"/>
      <c r="M49" s="4"/>
      <c r="N49" s="4"/>
      <c r="O49" s="5"/>
      <c r="P49" s="3"/>
      <c r="Q49" s="51"/>
      <c r="R49" s="8"/>
      <c r="S49" s="71"/>
      <c r="T49" s="60" t="s">
        <v>1048</v>
      </c>
      <c r="U49" s="1">
        <v>39</v>
      </c>
      <c r="V49" s="7"/>
      <c r="W49" s="40"/>
      <c r="X49" s="41"/>
      <c r="Y49" s="42"/>
      <c r="Z49" s="40"/>
      <c r="AA49" s="40"/>
      <c r="AB49" s="40"/>
      <c r="AC49" s="41"/>
      <c r="AD49" s="42"/>
      <c r="AE49" s="40"/>
      <c r="AF49" s="40"/>
      <c r="AG49" s="40"/>
      <c r="AH49" s="41"/>
      <c r="AI49" s="3"/>
      <c r="AJ49" s="51"/>
      <c r="AK49" s="8"/>
    </row>
    <row r="50" spans="1:37" s="19" customFormat="1" x14ac:dyDescent="0.2">
      <c r="A50" s="58" t="s">
        <v>1071</v>
      </c>
      <c r="B50" s="10"/>
      <c r="C50" s="12"/>
      <c r="D50" s="13"/>
      <c r="E50" s="14"/>
      <c r="F50" s="15"/>
      <c r="G50" s="13"/>
      <c r="H50" s="13"/>
      <c r="I50" s="13"/>
      <c r="J50" s="14"/>
      <c r="K50" s="15"/>
      <c r="L50" s="13"/>
      <c r="M50" s="13"/>
      <c r="N50" s="13"/>
      <c r="O50" s="14"/>
      <c r="P50" s="12"/>
      <c r="Q50" s="52"/>
      <c r="R50" s="18"/>
      <c r="S50" s="71"/>
      <c r="T50" s="61">
        <v>349</v>
      </c>
      <c r="U50" s="10" t="s">
        <v>259</v>
      </c>
      <c r="V50" s="12"/>
      <c r="W50" s="13"/>
      <c r="X50" s="14"/>
      <c r="Y50" s="15"/>
      <c r="Z50" s="13"/>
      <c r="AA50" s="13"/>
      <c r="AB50" s="13"/>
      <c r="AC50" s="14"/>
      <c r="AD50" s="15"/>
      <c r="AE50" s="13"/>
      <c r="AF50" s="13"/>
      <c r="AG50" s="13" t="s">
        <v>1</v>
      </c>
      <c r="AH50" s="14"/>
      <c r="AI50" s="12"/>
      <c r="AJ50" s="52">
        <v>4</v>
      </c>
      <c r="AK50" s="18" t="s">
        <v>259</v>
      </c>
    </row>
    <row r="51" spans="1:37" s="19" customFormat="1" x14ac:dyDescent="0.2">
      <c r="A51" s="58" t="s">
        <v>1070</v>
      </c>
      <c r="B51" s="10"/>
      <c r="C51" s="12"/>
      <c r="D51" s="13"/>
      <c r="E51" s="14"/>
      <c r="F51" s="15"/>
      <c r="G51" s="13"/>
      <c r="H51" s="13"/>
      <c r="I51" s="13"/>
      <c r="J51" s="14"/>
      <c r="K51" s="15"/>
      <c r="L51" s="13"/>
      <c r="M51" s="13"/>
      <c r="N51" s="13"/>
      <c r="O51" s="14"/>
      <c r="P51" s="12"/>
      <c r="Q51" s="52"/>
      <c r="R51" s="18"/>
      <c r="S51" s="71"/>
      <c r="T51" s="58" t="s">
        <v>1047</v>
      </c>
      <c r="U51" s="10">
        <v>30</v>
      </c>
      <c r="V51" s="17"/>
      <c r="W51" s="13"/>
      <c r="X51" s="14"/>
      <c r="Y51" s="15"/>
      <c r="Z51" s="13"/>
      <c r="AA51" s="13"/>
      <c r="AB51" s="13"/>
      <c r="AC51" s="14"/>
      <c r="AD51" s="15"/>
      <c r="AE51" s="13"/>
      <c r="AF51" s="13"/>
      <c r="AG51" s="13"/>
      <c r="AH51" s="14"/>
      <c r="AI51" s="12"/>
      <c r="AJ51" s="52"/>
      <c r="AK51" s="18"/>
    </row>
    <row r="52" spans="1:37" s="19" customFormat="1" x14ac:dyDescent="0.2">
      <c r="A52" s="58" t="s">
        <v>1069</v>
      </c>
      <c r="B52" s="10"/>
      <c r="C52" s="12"/>
      <c r="D52" s="13"/>
      <c r="E52" s="14"/>
      <c r="F52" s="15"/>
      <c r="G52" s="13"/>
      <c r="H52" s="13"/>
      <c r="I52" s="13"/>
      <c r="J52" s="14"/>
      <c r="K52" s="15"/>
      <c r="L52" s="13"/>
      <c r="M52" s="13"/>
      <c r="N52" s="13"/>
      <c r="O52" s="14"/>
      <c r="P52" s="12"/>
      <c r="Q52" s="52"/>
      <c r="R52" s="18"/>
      <c r="S52" s="71"/>
      <c r="T52" s="58" t="s">
        <v>1046</v>
      </c>
      <c r="U52" s="10">
        <v>31</v>
      </c>
      <c r="V52" s="17"/>
      <c r="W52" s="13"/>
      <c r="X52" s="14"/>
      <c r="Y52" s="15"/>
      <c r="Z52" s="13"/>
      <c r="AA52" s="13"/>
      <c r="AB52" s="13"/>
      <c r="AC52" s="14"/>
      <c r="AD52" s="15"/>
      <c r="AE52" s="13"/>
      <c r="AF52" s="13"/>
      <c r="AG52" s="13"/>
      <c r="AH52" s="14"/>
      <c r="AI52" s="12"/>
      <c r="AJ52" s="52"/>
      <c r="AK52" s="18"/>
    </row>
    <row r="53" spans="1:37" s="28" customFormat="1" x14ac:dyDescent="0.2">
      <c r="A53" s="59" t="s">
        <v>19</v>
      </c>
      <c r="B53" s="20" t="s">
        <v>259</v>
      </c>
      <c r="C53" s="22"/>
      <c r="D53" s="23"/>
      <c r="E53" s="24"/>
      <c r="F53" s="25"/>
      <c r="G53" s="23" t="s">
        <v>0</v>
      </c>
      <c r="H53" s="23"/>
      <c r="I53" s="23"/>
      <c r="J53" s="24"/>
      <c r="K53" s="25"/>
      <c r="L53" s="23"/>
      <c r="M53" s="23"/>
      <c r="N53" s="23"/>
      <c r="O53" s="24"/>
      <c r="P53" s="22"/>
      <c r="Q53" s="53">
        <v>4</v>
      </c>
      <c r="R53" s="27" t="s">
        <v>259</v>
      </c>
      <c r="S53" s="71"/>
      <c r="T53" s="59" t="s">
        <v>1045</v>
      </c>
      <c r="U53" s="20">
        <v>43</v>
      </c>
      <c r="V53" s="26"/>
      <c r="W53" s="23"/>
      <c r="X53" s="24"/>
      <c r="Y53" s="25"/>
      <c r="Z53" s="23"/>
      <c r="AA53" s="23"/>
      <c r="AB53" s="23"/>
      <c r="AC53" s="24"/>
      <c r="AD53" s="25"/>
      <c r="AE53" s="23"/>
      <c r="AF53" s="23"/>
      <c r="AG53" s="23"/>
      <c r="AH53" s="24"/>
      <c r="AI53" s="22"/>
      <c r="AJ53" s="53"/>
      <c r="AK53" s="27"/>
    </row>
    <row r="54" spans="1:37" x14ac:dyDescent="0.2">
      <c r="A54" s="58"/>
      <c r="B54" s="11"/>
      <c r="C54" s="17"/>
      <c r="D54" s="13"/>
      <c r="E54" s="14"/>
      <c r="F54" s="15"/>
      <c r="G54" s="13"/>
      <c r="H54" s="13"/>
      <c r="I54" s="13"/>
      <c r="J54" s="14"/>
      <c r="K54" s="15"/>
      <c r="L54" s="13"/>
      <c r="M54" s="13"/>
      <c r="N54" s="13"/>
      <c r="O54" s="14"/>
      <c r="P54" s="12"/>
      <c r="Q54" s="52"/>
      <c r="R54" s="18"/>
    </row>
    <row r="55" spans="1:37" x14ac:dyDescent="0.2">
      <c r="A55" s="58"/>
      <c r="B55" s="11"/>
      <c r="C55" s="17"/>
      <c r="D55" s="13"/>
      <c r="E55" s="14"/>
      <c r="F55" s="15"/>
      <c r="G55" s="13"/>
      <c r="H55" s="13"/>
      <c r="I55" s="13"/>
      <c r="J55" s="14"/>
      <c r="K55" s="15"/>
      <c r="L55" s="13"/>
      <c r="M55" s="13"/>
      <c r="N55" s="13"/>
      <c r="O55" s="14"/>
      <c r="P55" s="12"/>
      <c r="Q55" s="52"/>
      <c r="R55" s="18"/>
    </row>
    <row r="56" spans="1:37" x14ac:dyDescent="0.2">
      <c r="A56" s="59"/>
      <c r="B56" s="21"/>
      <c r="C56" s="26"/>
      <c r="D56" s="23"/>
      <c r="E56" s="24"/>
      <c r="F56" s="25"/>
      <c r="G56" s="23"/>
      <c r="H56" s="23"/>
      <c r="I56" s="23"/>
      <c r="J56" s="24"/>
      <c r="K56" s="25"/>
      <c r="L56" s="23"/>
      <c r="M56" s="23"/>
      <c r="N56" s="23"/>
      <c r="O56" s="24"/>
      <c r="P56" s="22"/>
      <c r="Q56" s="53"/>
      <c r="R56" s="27"/>
    </row>
    <row r="57" spans="1:37" x14ac:dyDescent="0.2">
      <c r="A57" s="60"/>
      <c r="B57" s="2"/>
      <c r="C57" s="7"/>
      <c r="D57" s="4"/>
      <c r="E57" s="5"/>
      <c r="F57" s="6"/>
      <c r="G57" s="4"/>
      <c r="H57" s="4"/>
      <c r="I57" s="4"/>
      <c r="J57" s="5"/>
      <c r="K57" s="6"/>
      <c r="L57" s="4"/>
      <c r="M57" s="4"/>
      <c r="N57" s="4"/>
      <c r="O57" s="5"/>
      <c r="P57" s="3"/>
      <c r="Q57" s="51"/>
      <c r="R57" s="8"/>
    </row>
    <row r="58" spans="1:37" x14ac:dyDescent="0.2">
      <c r="A58" s="58"/>
      <c r="B58" s="11"/>
      <c r="C58" s="17"/>
      <c r="D58" s="13"/>
      <c r="E58" s="14"/>
      <c r="F58" s="15"/>
      <c r="G58" s="13"/>
      <c r="H58" s="13"/>
      <c r="I58" s="13"/>
      <c r="J58" s="14"/>
      <c r="K58" s="15"/>
      <c r="L58" s="13"/>
      <c r="M58" s="13"/>
      <c r="N58" s="13"/>
      <c r="O58" s="14"/>
      <c r="P58" s="12"/>
      <c r="Q58" s="52"/>
      <c r="R58" s="18"/>
    </row>
    <row r="59" spans="1:37" x14ac:dyDescent="0.2">
      <c r="A59" s="58"/>
      <c r="B59" s="11"/>
      <c r="C59" s="17"/>
      <c r="D59" s="13"/>
      <c r="E59" s="14"/>
      <c r="F59" s="15"/>
      <c r="G59" s="13"/>
      <c r="H59" s="13"/>
      <c r="I59" s="13"/>
      <c r="J59" s="14"/>
      <c r="K59" s="15"/>
      <c r="L59" s="13"/>
      <c r="M59" s="13"/>
      <c r="N59" s="13"/>
      <c r="O59" s="14"/>
      <c r="P59" s="12"/>
      <c r="Q59" s="52"/>
      <c r="R59" s="18"/>
    </row>
    <row r="60" spans="1:37" x14ac:dyDescent="0.2">
      <c r="A60" s="58"/>
      <c r="B60" s="11"/>
      <c r="C60" s="17"/>
      <c r="D60" s="13"/>
      <c r="E60" s="14"/>
      <c r="F60" s="15"/>
      <c r="G60" s="13"/>
      <c r="H60" s="13"/>
      <c r="I60" s="13"/>
      <c r="J60" s="14"/>
      <c r="K60" s="15"/>
      <c r="L60" s="13"/>
      <c r="M60" s="13"/>
      <c r="N60" s="13"/>
      <c r="O60" s="14"/>
      <c r="P60" s="12"/>
      <c r="Q60" s="52"/>
      <c r="R60" s="18"/>
    </row>
    <row r="61" spans="1:37" x14ac:dyDescent="0.2">
      <c r="A61" s="59"/>
      <c r="B61" s="21"/>
      <c r="C61" s="26"/>
      <c r="D61" s="23"/>
      <c r="E61" s="24"/>
      <c r="F61" s="25"/>
      <c r="G61" s="23"/>
      <c r="H61" s="23"/>
      <c r="I61" s="23"/>
      <c r="J61" s="24"/>
      <c r="K61" s="25"/>
      <c r="L61" s="23"/>
      <c r="M61" s="23"/>
      <c r="N61" s="23"/>
      <c r="O61" s="24"/>
      <c r="P61" s="22"/>
      <c r="Q61" s="53"/>
      <c r="R61" s="27"/>
    </row>
    <row r="62" spans="1:37" x14ac:dyDescent="0.2">
      <c r="A62" s="60"/>
      <c r="B62" s="2"/>
      <c r="C62" s="7"/>
      <c r="D62" s="4"/>
      <c r="E62" s="5"/>
      <c r="F62" s="6"/>
      <c r="G62" s="4"/>
      <c r="H62" s="4"/>
      <c r="I62" s="4"/>
      <c r="J62" s="5"/>
      <c r="K62" s="6"/>
      <c r="L62" s="4"/>
      <c r="M62" s="4"/>
      <c r="N62" s="4"/>
      <c r="O62" s="5"/>
      <c r="P62" s="3"/>
      <c r="Q62" s="51"/>
      <c r="R62" s="8"/>
    </row>
    <row r="63" spans="1:37" x14ac:dyDescent="0.2">
      <c r="A63" s="58"/>
      <c r="B63" s="11"/>
      <c r="C63" s="17"/>
      <c r="D63" s="13"/>
      <c r="E63" s="14"/>
      <c r="F63" s="15"/>
      <c r="G63" s="13"/>
      <c r="H63" s="13"/>
      <c r="I63" s="13"/>
      <c r="J63" s="14"/>
      <c r="K63" s="15"/>
      <c r="L63" s="13"/>
      <c r="M63" s="13"/>
      <c r="N63" s="13"/>
      <c r="O63" s="14"/>
      <c r="P63" s="12"/>
      <c r="Q63" s="52"/>
      <c r="R63" s="18"/>
    </row>
    <row r="64" spans="1:37" x14ac:dyDescent="0.2">
      <c r="A64" s="58"/>
      <c r="B64" s="11"/>
      <c r="C64" s="17"/>
      <c r="D64" s="13"/>
      <c r="E64" s="14"/>
      <c r="F64" s="15"/>
      <c r="G64" s="13"/>
      <c r="H64" s="13"/>
      <c r="I64" s="13"/>
      <c r="J64" s="14"/>
      <c r="K64" s="15"/>
      <c r="L64" s="13"/>
      <c r="M64" s="13"/>
      <c r="N64" s="13"/>
      <c r="O64" s="14"/>
      <c r="P64" s="12"/>
      <c r="Q64" s="52"/>
      <c r="R64" s="18"/>
    </row>
    <row r="65" spans="1:18" x14ac:dyDescent="0.2">
      <c r="A65" s="58"/>
      <c r="B65" s="11"/>
      <c r="C65" s="17"/>
      <c r="D65" s="13"/>
      <c r="E65" s="14"/>
      <c r="F65" s="15"/>
      <c r="G65" s="13"/>
      <c r="H65" s="13"/>
      <c r="I65" s="13"/>
      <c r="J65" s="14"/>
      <c r="K65" s="15"/>
      <c r="L65" s="13"/>
      <c r="M65" s="13"/>
      <c r="N65" s="13"/>
      <c r="O65" s="14"/>
      <c r="P65" s="12"/>
      <c r="Q65" s="52"/>
      <c r="R65" s="18"/>
    </row>
    <row r="66" spans="1:18" x14ac:dyDescent="0.2">
      <c r="A66" s="59"/>
      <c r="B66" s="21"/>
      <c r="C66" s="26"/>
      <c r="D66" s="23"/>
      <c r="E66" s="24"/>
      <c r="F66" s="25"/>
      <c r="G66" s="23"/>
      <c r="H66" s="23"/>
      <c r="I66" s="23"/>
      <c r="J66" s="24"/>
      <c r="K66" s="25"/>
      <c r="L66" s="23"/>
      <c r="M66" s="23"/>
      <c r="N66" s="23"/>
      <c r="O66" s="24"/>
      <c r="P66" s="22"/>
      <c r="Q66" s="53"/>
      <c r="R66" s="27"/>
    </row>
  </sheetData>
  <sortState ref="A4:R53">
    <sortCondition descending="1" ref="A4:A53"/>
  </sortState>
  <mergeCells count="16">
    <mergeCell ref="AK2:AK3"/>
    <mergeCell ref="A1:R1"/>
    <mergeCell ref="A2:A3"/>
    <mergeCell ref="C2:C3"/>
    <mergeCell ref="P2:P3"/>
    <mergeCell ref="Q2:Q3"/>
    <mergeCell ref="R2:R3"/>
    <mergeCell ref="D2:O2"/>
    <mergeCell ref="B2:B3"/>
    <mergeCell ref="T1:AK1"/>
    <mergeCell ref="T2:T3"/>
    <mergeCell ref="U2:U3"/>
    <mergeCell ref="V2:V3"/>
    <mergeCell ref="W2:AH2"/>
    <mergeCell ref="AI2:AI3"/>
    <mergeCell ref="AJ2:AJ3"/>
  </mergeCells>
  <printOptions horizontalCentered="1"/>
  <pageMargins left="0.15" right="0.15" top="0.75" bottom="0.25" header="0.55000000000000004" footer="0.05"/>
  <pageSetup paperSize="3" scale="95" fitToHeight="40" orientation="portrait" r:id="rId1"/>
  <headerFooter scaleWithDoc="0" alignWithMargins="0">
    <oddHeader>&amp;L&amp;12San Mateo - Hayward Br (Br #35-0054)&amp;C&amp;"-,Bold"&amp;12Defect Schedule&amp;R&amp;12&amp;D</oddHeader>
    <oddFooter>&amp;R&amp;10&amp;P/&amp;N</oddFoot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E24CACE-8485-405F-8E74-BD6FF21E760F}">
  <sheetPr>
    <pageSetUpPr fitToPage="1"/>
  </sheetPr>
  <dimension ref="A1:AK68"/>
  <sheetViews>
    <sheetView view="pageBreakPreview" zoomScaleNormal="130" zoomScaleSheetLayoutView="100" workbookViewId="0">
      <selection sqref="A1:R1"/>
    </sheetView>
  </sheetViews>
  <sheetFormatPr defaultColWidth="8.7109375" defaultRowHeight="11.25" x14ac:dyDescent="0.2"/>
  <cols>
    <col min="1" max="1" width="5.42578125" style="81" customWidth="1"/>
    <col min="2" max="3" width="4.140625" style="75" customWidth="1"/>
    <col min="4" max="4" width="3.7109375" style="82" customWidth="1"/>
    <col min="5" max="5" width="3.7109375" style="83" customWidth="1"/>
    <col min="6" max="6" width="3.7109375" style="84" customWidth="1"/>
    <col min="7" max="9" width="3.7109375" style="82" customWidth="1"/>
    <col min="10" max="10" width="3.7109375" style="83" customWidth="1"/>
    <col min="11" max="11" width="3.7109375" style="84" customWidth="1"/>
    <col min="12" max="14" width="3.7109375" style="82" customWidth="1"/>
    <col min="15" max="15" width="4" style="83" customWidth="1"/>
    <col min="16" max="16" width="3.7109375" style="74" customWidth="1"/>
    <col min="17" max="17" width="3.7109375" style="85" customWidth="1"/>
    <col min="18" max="18" width="3.7109375" style="86" customWidth="1"/>
    <col min="19" max="19" width="3.42578125" style="71" customWidth="1"/>
    <col min="20" max="20" width="5.42578125" style="78" customWidth="1"/>
    <col min="21" max="22" width="4.140625" style="78" customWidth="1"/>
    <col min="23" max="33" width="3.7109375" style="78" customWidth="1"/>
    <col min="34" max="34" width="4" style="78" customWidth="1"/>
    <col min="35" max="37" width="3.7109375" style="78" customWidth="1"/>
    <col min="38" max="38" width="8.7109375" style="78"/>
    <col min="39" max="40" width="2.7109375" style="78" bestFit="1" customWidth="1"/>
    <col min="41" max="41" width="8.7109375" style="78"/>
    <col min="42" max="43" width="2.7109375" style="78" bestFit="1" customWidth="1"/>
    <col min="44" max="16384" width="8.7109375" style="78"/>
  </cols>
  <sheetData>
    <row r="1" spans="1:37" s="75" customFormat="1" ht="12" customHeight="1" x14ac:dyDescent="0.25">
      <c r="A1" s="73" t="s">
        <v>5</v>
      </c>
      <c r="B1" s="73"/>
      <c r="C1" s="73"/>
      <c r="D1" s="73"/>
      <c r="E1" s="73"/>
      <c r="F1" s="73"/>
      <c r="G1" s="73"/>
      <c r="H1" s="73"/>
      <c r="I1" s="73"/>
      <c r="J1" s="73"/>
      <c r="K1" s="73"/>
      <c r="L1" s="73"/>
      <c r="M1" s="73"/>
      <c r="N1" s="73"/>
      <c r="O1" s="73"/>
      <c r="P1" s="73"/>
      <c r="Q1" s="73"/>
      <c r="R1" s="73"/>
      <c r="S1" s="74"/>
      <c r="T1" s="73" t="s">
        <v>5</v>
      </c>
      <c r="U1" s="73"/>
      <c r="V1" s="73"/>
      <c r="W1" s="73"/>
      <c r="X1" s="73"/>
      <c r="Y1" s="73"/>
      <c r="Z1" s="73"/>
      <c r="AA1" s="73"/>
      <c r="AB1" s="73"/>
      <c r="AC1" s="73"/>
      <c r="AD1" s="73"/>
      <c r="AE1" s="73"/>
      <c r="AF1" s="73"/>
      <c r="AG1" s="73"/>
      <c r="AH1" s="73"/>
      <c r="AI1" s="73"/>
      <c r="AJ1" s="73"/>
      <c r="AK1" s="73"/>
    </row>
    <row r="2" spans="1:37" s="75" customFormat="1" ht="15" customHeight="1" x14ac:dyDescent="0.25">
      <c r="A2" s="76" t="s">
        <v>1103</v>
      </c>
      <c r="B2" s="76" t="s">
        <v>1104</v>
      </c>
      <c r="C2" s="73" t="s">
        <v>6</v>
      </c>
      <c r="D2" s="73" t="s">
        <v>260</v>
      </c>
      <c r="E2" s="73"/>
      <c r="F2" s="73"/>
      <c r="G2" s="73"/>
      <c r="H2" s="73"/>
      <c r="I2" s="73"/>
      <c r="J2" s="73"/>
      <c r="K2" s="73"/>
      <c r="L2" s="73"/>
      <c r="M2" s="73"/>
      <c r="N2" s="73"/>
      <c r="O2" s="73"/>
      <c r="P2" s="73" t="s">
        <v>7</v>
      </c>
      <c r="Q2" s="72" t="s">
        <v>8</v>
      </c>
      <c r="R2" s="72" t="s">
        <v>1105</v>
      </c>
      <c r="S2" s="74"/>
      <c r="T2" s="76" t="s">
        <v>1103</v>
      </c>
      <c r="U2" s="76" t="s">
        <v>1104</v>
      </c>
      <c r="V2" s="73" t="s">
        <v>6</v>
      </c>
      <c r="W2" s="73" t="s">
        <v>260</v>
      </c>
      <c r="X2" s="73"/>
      <c r="Y2" s="73"/>
      <c r="Z2" s="73"/>
      <c r="AA2" s="73"/>
      <c r="AB2" s="73"/>
      <c r="AC2" s="73"/>
      <c r="AD2" s="73"/>
      <c r="AE2" s="73"/>
      <c r="AF2" s="73"/>
      <c r="AG2" s="73"/>
      <c r="AH2" s="73"/>
      <c r="AI2" s="73" t="s">
        <v>7</v>
      </c>
      <c r="AJ2" s="72" t="s">
        <v>8</v>
      </c>
      <c r="AK2" s="72" t="s">
        <v>1105</v>
      </c>
    </row>
    <row r="3" spans="1:37" ht="25.5" customHeight="1" x14ac:dyDescent="0.2">
      <c r="A3" s="76"/>
      <c r="B3" s="76"/>
      <c r="C3" s="73"/>
      <c r="D3" s="77">
        <v>12</v>
      </c>
      <c r="E3" s="77">
        <v>11</v>
      </c>
      <c r="F3" s="77">
        <v>10</v>
      </c>
      <c r="G3" s="77">
        <v>9</v>
      </c>
      <c r="H3" s="77">
        <v>8</v>
      </c>
      <c r="I3" s="77">
        <v>7</v>
      </c>
      <c r="J3" s="77">
        <v>6</v>
      </c>
      <c r="K3" s="77">
        <v>5</v>
      </c>
      <c r="L3" s="77">
        <v>4</v>
      </c>
      <c r="M3" s="77">
        <v>3</v>
      </c>
      <c r="N3" s="77">
        <v>2</v>
      </c>
      <c r="O3" s="77">
        <v>1</v>
      </c>
      <c r="P3" s="73"/>
      <c r="Q3" s="72"/>
      <c r="R3" s="72"/>
      <c r="T3" s="76"/>
      <c r="U3" s="76"/>
      <c r="V3" s="73"/>
      <c r="W3" s="77">
        <v>12</v>
      </c>
      <c r="X3" s="77">
        <v>11</v>
      </c>
      <c r="Y3" s="77">
        <v>10</v>
      </c>
      <c r="Z3" s="77">
        <v>9</v>
      </c>
      <c r="AA3" s="77">
        <v>8</v>
      </c>
      <c r="AB3" s="77">
        <v>7</v>
      </c>
      <c r="AC3" s="77">
        <v>6</v>
      </c>
      <c r="AD3" s="77">
        <v>5</v>
      </c>
      <c r="AE3" s="77">
        <v>4</v>
      </c>
      <c r="AF3" s="77">
        <v>3</v>
      </c>
      <c r="AG3" s="77">
        <v>2</v>
      </c>
      <c r="AH3" s="77">
        <v>1</v>
      </c>
      <c r="AI3" s="73"/>
      <c r="AJ3" s="72"/>
      <c r="AK3" s="72"/>
    </row>
    <row r="4" spans="1:37" x14ac:dyDescent="0.2">
      <c r="A4" s="63" t="s">
        <v>492</v>
      </c>
      <c r="B4" s="44">
        <v>49</v>
      </c>
      <c r="C4" s="45"/>
      <c r="D4" s="46"/>
      <c r="E4" s="47"/>
      <c r="F4" s="48"/>
      <c r="G4" s="46"/>
      <c r="H4" s="46"/>
      <c r="I4" s="46"/>
      <c r="J4" s="47"/>
      <c r="K4" s="48"/>
      <c r="L4" s="46"/>
      <c r="M4" s="46"/>
      <c r="N4" s="46"/>
      <c r="O4" s="47"/>
      <c r="P4" s="49"/>
      <c r="Q4" s="56"/>
      <c r="R4" s="50"/>
      <c r="T4" s="63">
        <v>936</v>
      </c>
      <c r="U4" s="44" t="s">
        <v>259</v>
      </c>
      <c r="V4" s="49"/>
      <c r="W4" s="46"/>
      <c r="X4" s="47"/>
      <c r="Y4" s="48"/>
      <c r="Z4" s="46"/>
      <c r="AA4" s="46"/>
      <c r="AB4" s="46"/>
      <c r="AC4" s="47"/>
      <c r="AD4" s="48" t="s">
        <v>2</v>
      </c>
      <c r="AE4" s="46"/>
      <c r="AF4" s="46"/>
      <c r="AG4" s="46"/>
      <c r="AH4" s="47"/>
      <c r="AI4" s="49"/>
      <c r="AJ4" s="56" t="s">
        <v>259</v>
      </c>
      <c r="AK4" s="50">
        <v>4</v>
      </c>
    </row>
    <row r="5" spans="1:37" x14ac:dyDescent="0.2">
      <c r="A5" s="58">
        <v>907</v>
      </c>
      <c r="B5" s="10" t="s">
        <v>259</v>
      </c>
      <c r="C5" s="12"/>
      <c r="D5" s="13"/>
      <c r="E5" s="14"/>
      <c r="F5" s="15"/>
      <c r="G5" s="13"/>
      <c r="H5" s="13"/>
      <c r="I5" s="13"/>
      <c r="J5" s="14"/>
      <c r="K5" s="15"/>
      <c r="L5" s="13"/>
      <c r="M5" s="13"/>
      <c r="N5" s="13" t="s">
        <v>2</v>
      </c>
      <c r="O5" s="14"/>
      <c r="P5" s="12"/>
      <c r="Q5" s="52" t="s">
        <v>259</v>
      </c>
      <c r="R5" s="18">
        <v>4</v>
      </c>
      <c r="T5" s="58" t="s">
        <v>462</v>
      </c>
      <c r="U5" s="10">
        <v>44</v>
      </c>
      <c r="V5" s="12"/>
      <c r="W5" s="13"/>
      <c r="X5" s="14"/>
      <c r="Y5" s="15"/>
      <c r="Z5" s="13"/>
      <c r="AA5" s="13"/>
      <c r="AB5" s="13"/>
      <c r="AC5" s="14"/>
      <c r="AD5" s="15"/>
      <c r="AE5" s="13"/>
      <c r="AF5" s="13"/>
      <c r="AG5" s="13"/>
      <c r="AH5" s="14"/>
      <c r="AI5" s="12"/>
      <c r="AJ5" s="52"/>
      <c r="AK5" s="18"/>
    </row>
    <row r="6" spans="1:37" x14ac:dyDescent="0.2">
      <c r="A6" s="58" t="s">
        <v>491</v>
      </c>
      <c r="B6" s="10">
        <v>51</v>
      </c>
      <c r="C6" s="12"/>
      <c r="D6" s="13"/>
      <c r="E6" s="14"/>
      <c r="F6" s="15"/>
      <c r="G6" s="13"/>
      <c r="H6" s="13"/>
      <c r="I6" s="13"/>
      <c r="J6" s="14"/>
      <c r="K6" s="15"/>
      <c r="L6" s="13"/>
      <c r="M6" s="13"/>
      <c r="N6" s="13"/>
      <c r="O6" s="14"/>
      <c r="P6" s="12"/>
      <c r="Q6" s="52"/>
      <c r="R6" s="18"/>
      <c r="T6" s="58">
        <v>937</v>
      </c>
      <c r="U6" s="10" t="s">
        <v>259</v>
      </c>
      <c r="V6" s="12"/>
      <c r="W6" s="13"/>
      <c r="X6" s="14"/>
      <c r="Y6" s="15"/>
      <c r="Z6" s="13"/>
      <c r="AA6" s="13"/>
      <c r="AB6" s="13"/>
      <c r="AC6" s="14"/>
      <c r="AD6" s="15"/>
      <c r="AE6" s="13"/>
      <c r="AF6" s="13" t="s">
        <v>2</v>
      </c>
      <c r="AG6" s="13"/>
      <c r="AH6" s="14"/>
      <c r="AI6" s="12"/>
      <c r="AJ6" s="52" t="s">
        <v>259</v>
      </c>
      <c r="AK6" s="18">
        <v>4</v>
      </c>
    </row>
    <row r="7" spans="1:37" x14ac:dyDescent="0.2">
      <c r="A7" s="58">
        <v>908</v>
      </c>
      <c r="B7" s="10" t="s">
        <v>259</v>
      </c>
      <c r="C7" s="17"/>
      <c r="D7" s="13"/>
      <c r="E7" s="14"/>
      <c r="F7" s="15"/>
      <c r="G7" s="13"/>
      <c r="H7" s="13"/>
      <c r="I7" s="13"/>
      <c r="J7" s="14"/>
      <c r="K7" s="15"/>
      <c r="L7" s="13"/>
      <c r="M7" s="13"/>
      <c r="N7" s="13"/>
      <c r="O7" s="14"/>
      <c r="P7" s="12" t="s">
        <v>0</v>
      </c>
      <c r="Q7" s="52">
        <v>3</v>
      </c>
      <c r="R7" s="18" t="s">
        <v>259</v>
      </c>
      <c r="T7" s="58" t="s">
        <v>461</v>
      </c>
      <c r="U7" s="10">
        <v>40</v>
      </c>
      <c r="V7" s="12"/>
      <c r="W7" s="13"/>
      <c r="X7" s="14"/>
      <c r="Y7" s="15"/>
      <c r="Z7" s="13"/>
      <c r="AA7" s="13"/>
      <c r="AB7" s="13"/>
      <c r="AC7" s="14"/>
      <c r="AD7" s="15"/>
      <c r="AE7" s="13"/>
      <c r="AF7" s="13"/>
      <c r="AG7" s="13"/>
      <c r="AH7" s="14"/>
      <c r="AI7" s="12"/>
      <c r="AJ7" s="52"/>
      <c r="AK7" s="18"/>
    </row>
    <row r="8" spans="1:37" x14ac:dyDescent="0.2">
      <c r="A8" s="59">
        <v>908</v>
      </c>
      <c r="B8" s="20" t="s">
        <v>259</v>
      </c>
      <c r="C8" s="26"/>
      <c r="D8" s="23"/>
      <c r="E8" s="24"/>
      <c r="F8" s="25"/>
      <c r="G8" s="23"/>
      <c r="H8" s="23"/>
      <c r="I8" s="23"/>
      <c r="J8" s="24"/>
      <c r="K8" s="25"/>
      <c r="L8" s="23"/>
      <c r="M8" s="23"/>
      <c r="N8" s="23" t="s">
        <v>1</v>
      </c>
      <c r="O8" s="24"/>
      <c r="P8" s="22"/>
      <c r="Q8" s="53" t="s">
        <v>259</v>
      </c>
      <c r="R8" s="27" t="s">
        <v>259</v>
      </c>
      <c r="T8" s="59" t="s">
        <v>174</v>
      </c>
      <c r="U8" s="20" t="s">
        <v>259</v>
      </c>
      <c r="V8" s="22"/>
      <c r="W8" s="23"/>
      <c r="X8" s="24"/>
      <c r="Y8" s="25"/>
      <c r="Z8" s="23"/>
      <c r="AA8" s="23"/>
      <c r="AB8" s="23"/>
      <c r="AC8" s="24"/>
      <c r="AD8" s="25"/>
      <c r="AE8" s="23" t="s">
        <v>0</v>
      </c>
      <c r="AF8" s="23"/>
      <c r="AG8" s="23"/>
      <c r="AH8" s="24"/>
      <c r="AI8" s="22"/>
      <c r="AJ8" s="53">
        <v>4</v>
      </c>
      <c r="AK8" s="27" t="s">
        <v>259</v>
      </c>
    </row>
    <row r="9" spans="1:37" x14ac:dyDescent="0.2">
      <c r="A9" s="60" t="s">
        <v>170</v>
      </c>
      <c r="B9" s="1" t="s">
        <v>259</v>
      </c>
      <c r="C9" s="3"/>
      <c r="D9" s="4"/>
      <c r="E9" s="5"/>
      <c r="F9" s="6"/>
      <c r="G9" s="4"/>
      <c r="H9" s="4"/>
      <c r="I9" s="4"/>
      <c r="J9" s="5"/>
      <c r="K9" s="6"/>
      <c r="L9" s="4" t="s">
        <v>0</v>
      </c>
      <c r="M9" s="4"/>
      <c r="N9" s="4"/>
      <c r="O9" s="5"/>
      <c r="P9" s="3"/>
      <c r="Q9" s="51">
        <v>7</v>
      </c>
      <c r="R9" s="8" t="s">
        <v>259</v>
      </c>
      <c r="T9" s="60" t="s">
        <v>460</v>
      </c>
      <c r="U9" s="1">
        <v>41</v>
      </c>
      <c r="V9" s="3"/>
      <c r="W9" s="4"/>
      <c r="X9" s="5"/>
      <c r="Y9" s="6"/>
      <c r="Z9" s="4"/>
      <c r="AA9" s="4"/>
      <c r="AB9" s="4"/>
      <c r="AC9" s="5"/>
      <c r="AD9" s="6"/>
      <c r="AE9" s="4"/>
      <c r="AF9" s="4"/>
      <c r="AG9" s="4"/>
      <c r="AH9" s="5"/>
      <c r="AI9" s="3"/>
      <c r="AJ9" s="51"/>
      <c r="AK9" s="8"/>
    </row>
    <row r="10" spans="1:37" x14ac:dyDescent="0.2">
      <c r="A10" s="58" t="s">
        <v>490</v>
      </c>
      <c r="B10" s="10">
        <v>36</v>
      </c>
      <c r="C10" s="12"/>
      <c r="D10" s="13"/>
      <c r="E10" s="14"/>
      <c r="F10" s="15"/>
      <c r="G10" s="13"/>
      <c r="H10" s="13"/>
      <c r="I10" s="13"/>
      <c r="J10" s="14"/>
      <c r="K10" s="15"/>
      <c r="L10" s="13"/>
      <c r="M10" s="13"/>
      <c r="N10" s="13"/>
      <c r="O10" s="14"/>
      <c r="P10" s="12"/>
      <c r="Q10" s="52"/>
      <c r="R10" s="18"/>
      <c r="T10" s="58" t="s">
        <v>459</v>
      </c>
      <c r="U10" s="10">
        <v>31</v>
      </c>
      <c r="V10" s="12"/>
      <c r="W10" s="13"/>
      <c r="X10" s="14"/>
      <c r="Y10" s="15"/>
      <c r="Z10" s="13"/>
      <c r="AA10" s="13"/>
      <c r="AB10" s="13"/>
      <c r="AC10" s="14"/>
      <c r="AD10" s="15"/>
      <c r="AE10" s="13"/>
      <c r="AF10" s="13"/>
      <c r="AG10" s="13"/>
      <c r="AH10" s="14"/>
      <c r="AI10" s="12"/>
      <c r="AJ10" s="52"/>
      <c r="AK10" s="18"/>
    </row>
    <row r="11" spans="1:37" x14ac:dyDescent="0.2">
      <c r="A11" s="58" t="s">
        <v>489</v>
      </c>
      <c r="B11" s="10">
        <v>60</v>
      </c>
      <c r="C11" s="12"/>
      <c r="D11" s="13"/>
      <c r="E11" s="14"/>
      <c r="F11" s="15"/>
      <c r="G11" s="13"/>
      <c r="H11" s="13"/>
      <c r="I11" s="13"/>
      <c r="J11" s="14"/>
      <c r="K11" s="15"/>
      <c r="L11" s="13"/>
      <c r="M11" s="13"/>
      <c r="N11" s="13"/>
      <c r="O11" s="14"/>
      <c r="P11" s="12"/>
      <c r="Q11" s="52"/>
      <c r="R11" s="18"/>
      <c r="T11" s="58" t="s">
        <v>458</v>
      </c>
      <c r="U11" s="10">
        <v>40</v>
      </c>
      <c r="V11" s="12"/>
      <c r="W11" s="13"/>
      <c r="X11" s="14"/>
      <c r="Y11" s="15"/>
      <c r="Z11" s="13"/>
      <c r="AA11" s="13"/>
      <c r="AB11" s="13"/>
      <c r="AC11" s="14"/>
      <c r="AD11" s="15"/>
      <c r="AE11" s="13"/>
      <c r="AF11" s="13"/>
      <c r="AG11" s="13"/>
      <c r="AH11" s="14"/>
      <c r="AI11" s="12"/>
      <c r="AJ11" s="52"/>
      <c r="AK11" s="18"/>
    </row>
    <row r="12" spans="1:37" x14ac:dyDescent="0.2">
      <c r="A12" s="58">
        <v>910</v>
      </c>
      <c r="B12" s="10" t="s">
        <v>259</v>
      </c>
      <c r="C12" s="12"/>
      <c r="D12" s="13"/>
      <c r="E12" s="14"/>
      <c r="F12" s="15"/>
      <c r="G12" s="13"/>
      <c r="H12" s="13" t="s">
        <v>1</v>
      </c>
      <c r="I12" s="13"/>
      <c r="J12" s="14"/>
      <c r="K12" s="15"/>
      <c r="L12" s="13"/>
      <c r="M12" s="13"/>
      <c r="N12" s="13"/>
      <c r="O12" s="14"/>
      <c r="P12" s="12"/>
      <c r="Q12" s="52">
        <v>2</v>
      </c>
      <c r="R12" s="18" t="s">
        <v>259</v>
      </c>
      <c r="T12" s="58">
        <v>941</v>
      </c>
      <c r="U12" s="10" t="s">
        <v>259</v>
      </c>
      <c r="V12" s="12"/>
      <c r="W12" s="13"/>
      <c r="X12" s="14"/>
      <c r="Y12" s="15"/>
      <c r="Z12" s="13"/>
      <c r="AA12" s="13"/>
      <c r="AB12" s="13"/>
      <c r="AC12" s="14"/>
      <c r="AD12" s="15"/>
      <c r="AE12" s="13"/>
      <c r="AF12" s="13"/>
      <c r="AG12" s="13" t="s">
        <v>2</v>
      </c>
      <c r="AH12" s="14"/>
      <c r="AI12" s="12"/>
      <c r="AJ12" s="52" t="s">
        <v>259</v>
      </c>
      <c r="AK12" s="18">
        <v>4</v>
      </c>
    </row>
    <row r="13" spans="1:37" x14ac:dyDescent="0.2">
      <c r="A13" s="62" t="s">
        <v>488</v>
      </c>
      <c r="B13" s="20">
        <v>37</v>
      </c>
      <c r="C13" s="22"/>
      <c r="D13" s="23"/>
      <c r="E13" s="24"/>
      <c r="F13" s="25"/>
      <c r="G13" s="23"/>
      <c r="H13" s="23"/>
      <c r="I13" s="23"/>
      <c r="J13" s="24"/>
      <c r="K13" s="25"/>
      <c r="L13" s="23"/>
      <c r="M13" s="23"/>
      <c r="N13" s="23"/>
      <c r="O13" s="24"/>
      <c r="P13" s="22"/>
      <c r="Q13" s="53"/>
      <c r="R13" s="27"/>
      <c r="T13" s="59" t="s">
        <v>457</v>
      </c>
      <c r="U13" s="20">
        <v>39</v>
      </c>
      <c r="V13" s="22"/>
      <c r="W13" s="23"/>
      <c r="X13" s="24"/>
      <c r="Y13" s="25"/>
      <c r="Z13" s="23"/>
      <c r="AA13" s="23"/>
      <c r="AB13" s="23"/>
      <c r="AC13" s="24"/>
      <c r="AD13" s="25"/>
      <c r="AE13" s="23"/>
      <c r="AF13" s="23"/>
      <c r="AG13" s="23"/>
      <c r="AH13" s="24"/>
      <c r="AI13" s="22"/>
      <c r="AJ13" s="53"/>
      <c r="AK13" s="27"/>
    </row>
    <row r="14" spans="1:37" x14ac:dyDescent="0.2">
      <c r="A14" s="60" t="s">
        <v>487</v>
      </c>
      <c r="B14" s="1">
        <v>49</v>
      </c>
      <c r="C14" s="7"/>
      <c r="D14" s="4"/>
      <c r="E14" s="5"/>
      <c r="F14" s="6"/>
      <c r="G14" s="4"/>
      <c r="H14" s="4"/>
      <c r="I14" s="4"/>
      <c r="J14" s="5"/>
      <c r="K14" s="6"/>
      <c r="L14" s="4"/>
      <c r="M14" s="4"/>
      <c r="N14" s="4"/>
      <c r="O14" s="5"/>
      <c r="P14" s="3"/>
      <c r="Q14" s="51"/>
      <c r="R14" s="8"/>
      <c r="T14" s="60" t="s">
        <v>456</v>
      </c>
      <c r="U14" s="1">
        <v>31</v>
      </c>
      <c r="V14" s="3"/>
      <c r="W14" s="4"/>
      <c r="X14" s="5"/>
      <c r="Y14" s="6"/>
      <c r="Z14" s="4"/>
      <c r="AA14" s="4"/>
      <c r="AB14" s="4"/>
      <c r="AC14" s="5"/>
      <c r="AD14" s="6"/>
      <c r="AE14" s="4"/>
      <c r="AF14" s="4"/>
      <c r="AG14" s="4"/>
      <c r="AH14" s="5"/>
      <c r="AI14" s="3"/>
      <c r="AJ14" s="51"/>
      <c r="AK14" s="8"/>
    </row>
    <row r="15" spans="1:37" x14ac:dyDescent="0.2">
      <c r="A15" s="58" t="s">
        <v>486</v>
      </c>
      <c r="B15" s="10">
        <v>46</v>
      </c>
      <c r="C15" s="12"/>
      <c r="D15" s="13"/>
      <c r="E15" s="14"/>
      <c r="F15" s="15"/>
      <c r="G15" s="13"/>
      <c r="H15" s="13"/>
      <c r="I15" s="13"/>
      <c r="J15" s="14"/>
      <c r="K15" s="15"/>
      <c r="L15" s="13"/>
      <c r="M15" s="13"/>
      <c r="N15" s="13"/>
      <c r="O15" s="14"/>
      <c r="P15" s="12"/>
      <c r="Q15" s="52"/>
      <c r="R15" s="18"/>
      <c r="T15" s="58">
        <v>943</v>
      </c>
      <c r="U15" s="10" t="s">
        <v>259</v>
      </c>
      <c r="V15" s="12"/>
      <c r="W15" s="13"/>
      <c r="X15" s="14"/>
      <c r="Y15" s="15"/>
      <c r="Z15" s="13"/>
      <c r="AA15" s="13"/>
      <c r="AB15" s="13"/>
      <c r="AC15" s="14"/>
      <c r="AD15" s="15"/>
      <c r="AE15" s="13"/>
      <c r="AF15" s="13"/>
      <c r="AG15" s="13" t="s">
        <v>2</v>
      </c>
      <c r="AH15" s="14"/>
      <c r="AI15" s="12"/>
      <c r="AJ15" s="52" t="s">
        <v>259</v>
      </c>
      <c r="AK15" s="18">
        <v>4</v>
      </c>
    </row>
    <row r="16" spans="1:37" x14ac:dyDescent="0.2">
      <c r="A16" s="58">
        <v>913</v>
      </c>
      <c r="B16" s="10" t="s">
        <v>259</v>
      </c>
      <c r="C16" s="12"/>
      <c r="D16" s="13"/>
      <c r="E16" s="14"/>
      <c r="F16" s="15"/>
      <c r="G16" s="13"/>
      <c r="H16" s="13"/>
      <c r="I16" s="13"/>
      <c r="J16" s="14"/>
      <c r="K16" s="15"/>
      <c r="L16" s="13"/>
      <c r="M16" s="13"/>
      <c r="N16" s="13" t="s">
        <v>2</v>
      </c>
      <c r="O16" s="14"/>
      <c r="P16" s="12"/>
      <c r="Q16" s="52" t="s">
        <v>259</v>
      </c>
      <c r="R16" s="18">
        <v>4</v>
      </c>
      <c r="T16" s="58" t="s">
        <v>455</v>
      </c>
      <c r="U16" s="10">
        <v>44</v>
      </c>
      <c r="V16" s="12"/>
      <c r="W16" s="13"/>
      <c r="X16" s="14"/>
      <c r="Y16" s="15"/>
      <c r="Z16" s="13"/>
      <c r="AA16" s="13"/>
      <c r="AB16" s="13"/>
      <c r="AC16" s="14"/>
      <c r="AD16" s="15"/>
      <c r="AE16" s="13"/>
      <c r="AF16" s="13"/>
      <c r="AG16" s="13"/>
      <c r="AH16" s="14"/>
      <c r="AI16" s="12"/>
      <c r="AJ16" s="52"/>
      <c r="AK16" s="18"/>
    </row>
    <row r="17" spans="1:37" x14ac:dyDescent="0.2">
      <c r="A17" s="58" t="s">
        <v>485</v>
      </c>
      <c r="B17" s="10">
        <v>36</v>
      </c>
      <c r="C17" s="12"/>
      <c r="D17" s="13"/>
      <c r="E17" s="14"/>
      <c r="F17" s="15"/>
      <c r="G17" s="13"/>
      <c r="H17" s="13"/>
      <c r="I17" s="13"/>
      <c r="J17" s="14"/>
      <c r="K17" s="15"/>
      <c r="L17" s="13"/>
      <c r="M17" s="13"/>
      <c r="N17" s="13"/>
      <c r="O17" s="14"/>
      <c r="P17" s="12"/>
      <c r="Q17" s="52"/>
      <c r="R17" s="18"/>
      <c r="T17" s="58" t="s">
        <v>454</v>
      </c>
      <c r="U17" s="10">
        <v>44</v>
      </c>
      <c r="V17" s="12"/>
      <c r="W17" s="13"/>
      <c r="X17" s="14"/>
      <c r="Y17" s="15"/>
      <c r="Z17" s="13"/>
      <c r="AA17" s="13"/>
      <c r="AB17" s="13"/>
      <c r="AC17" s="14"/>
      <c r="AD17" s="15"/>
      <c r="AE17" s="13"/>
      <c r="AF17" s="13"/>
      <c r="AG17" s="13"/>
      <c r="AH17" s="14"/>
      <c r="AI17" s="12"/>
      <c r="AJ17" s="52"/>
      <c r="AK17" s="18"/>
    </row>
    <row r="18" spans="1:37" x14ac:dyDescent="0.2">
      <c r="A18" s="59" t="s">
        <v>484</v>
      </c>
      <c r="B18" s="20">
        <v>39</v>
      </c>
      <c r="C18" s="26"/>
      <c r="D18" s="37"/>
      <c r="E18" s="38"/>
      <c r="F18" s="39"/>
      <c r="G18" s="37"/>
      <c r="H18" s="37"/>
      <c r="I18" s="37"/>
      <c r="J18" s="38"/>
      <c r="K18" s="39"/>
      <c r="L18" s="37"/>
      <c r="M18" s="37"/>
      <c r="N18" s="37"/>
      <c r="O18" s="38"/>
      <c r="P18" s="26"/>
      <c r="Q18" s="53"/>
      <c r="R18" s="27"/>
      <c r="T18" s="59" t="s">
        <v>453</v>
      </c>
      <c r="U18" s="20">
        <v>27</v>
      </c>
      <c r="V18" s="22"/>
      <c r="W18" s="23"/>
      <c r="X18" s="24"/>
      <c r="Y18" s="25"/>
      <c r="Z18" s="23"/>
      <c r="AA18" s="23"/>
      <c r="AB18" s="23"/>
      <c r="AC18" s="24"/>
      <c r="AD18" s="25"/>
      <c r="AE18" s="23"/>
      <c r="AF18" s="23"/>
      <c r="AG18" s="23"/>
      <c r="AH18" s="24"/>
      <c r="AI18" s="22"/>
      <c r="AJ18" s="53"/>
      <c r="AK18" s="27"/>
    </row>
    <row r="19" spans="1:37" x14ac:dyDescent="0.2">
      <c r="A19" s="60">
        <v>915</v>
      </c>
      <c r="B19" s="1" t="s">
        <v>259</v>
      </c>
      <c r="C19" s="3"/>
      <c r="D19" s="4"/>
      <c r="E19" s="5"/>
      <c r="F19" s="6"/>
      <c r="G19" s="4"/>
      <c r="H19" s="4"/>
      <c r="I19" s="4"/>
      <c r="J19" s="5"/>
      <c r="K19" s="6"/>
      <c r="L19" s="4" t="s">
        <v>2</v>
      </c>
      <c r="M19" s="4"/>
      <c r="N19" s="4"/>
      <c r="O19" s="5"/>
      <c r="P19" s="3"/>
      <c r="Q19" s="51" t="s">
        <v>259</v>
      </c>
      <c r="R19" s="8">
        <v>4</v>
      </c>
      <c r="T19" s="60" t="s">
        <v>452</v>
      </c>
      <c r="U19" s="1">
        <v>37</v>
      </c>
      <c r="V19" s="3"/>
      <c r="W19" s="4"/>
      <c r="X19" s="5"/>
      <c r="Y19" s="6"/>
      <c r="Z19" s="4"/>
      <c r="AA19" s="4"/>
      <c r="AB19" s="4"/>
      <c r="AC19" s="5"/>
      <c r="AD19" s="6"/>
      <c r="AE19" s="4"/>
      <c r="AF19" s="4"/>
      <c r="AG19" s="4"/>
      <c r="AH19" s="5"/>
      <c r="AI19" s="3"/>
      <c r="AJ19" s="51"/>
      <c r="AK19" s="8"/>
    </row>
    <row r="20" spans="1:37" x14ac:dyDescent="0.2">
      <c r="A20" s="58" t="s">
        <v>483</v>
      </c>
      <c r="B20" s="10">
        <v>32</v>
      </c>
      <c r="C20" s="12"/>
      <c r="D20" s="13"/>
      <c r="E20" s="14"/>
      <c r="F20" s="15"/>
      <c r="G20" s="13"/>
      <c r="H20" s="13"/>
      <c r="I20" s="13"/>
      <c r="J20" s="14"/>
      <c r="K20" s="15"/>
      <c r="L20" s="13"/>
      <c r="M20" s="13"/>
      <c r="N20" s="13"/>
      <c r="O20" s="14"/>
      <c r="P20" s="12"/>
      <c r="Q20" s="52"/>
      <c r="R20" s="18"/>
      <c r="T20" s="58" t="s">
        <v>451</v>
      </c>
      <c r="U20" s="10">
        <v>31</v>
      </c>
      <c r="V20" s="12"/>
      <c r="W20" s="13"/>
      <c r="X20" s="14"/>
      <c r="Y20" s="15"/>
      <c r="Z20" s="13"/>
      <c r="AA20" s="13"/>
      <c r="AB20" s="13"/>
      <c r="AC20" s="14"/>
      <c r="AD20" s="15"/>
      <c r="AE20" s="13"/>
      <c r="AF20" s="13"/>
      <c r="AG20" s="13"/>
      <c r="AH20" s="14"/>
      <c r="AI20" s="12"/>
      <c r="AJ20" s="52"/>
      <c r="AK20" s="18"/>
    </row>
    <row r="21" spans="1:37" x14ac:dyDescent="0.2">
      <c r="A21" s="58">
        <v>916</v>
      </c>
      <c r="B21" s="10" t="s">
        <v>259</v>
      </c>
      <c r="C21" s="12"/>
      <c r="D21" s="13"/>
      <c r="E21" s="14"/>
      <c r="F21" s="15"/>
      <c r="G21" s="13"/>
      <c r="H21" s="13" t="s">
        <v>1</v>
      </c>
      <c r="I21" s="13"/>
      <c r="J21" s="14"/>
      <c r="K21" s="15"/>
      <c r="L21" s="13"/>
      <c r="M21" s="13"/>
      <c r="N21" s="13"/>
      <c r="O21" s="14"/>
      <c r="P21" s="12"/>
      <c r="Q21" s="52">
        <v>2</v>
      </c>
      <c r="R21" s="18" t="s">
        <v>259</v>
      </c>
      <c r="T21" s="58">
        <v>948</v>
      </c>
      <c r="U21" s="10" t="s">
        <v>259</v>
      </c>
      <c r="V21" s="12"/>
      <c r="W21" s="13"/>
      <c r="X21" s="14"/>
      <c r="Y21" s="15"/>
      <c r="Z21" s="13"/>
      <c r="AA21" s="13"/>
      <c r="AB21" s="13"/>
      <c r="AC21" s="14"/>
      <c r="AD21" s="15"/>
      <c r="AE21" s="13"/>
      <c r="AF21" s="13" t="s">
        <v>1</v>
      </c>
      <c r="AG21" s="13"/>
      <c r="AH21" s="14"/>
      <c r="AI21" s="12"/>
      <c r="AJ21" s="52">
        <v>13</v>
      </c>
      <c r="AK21" s="18" t="s">
        <v>259</v>
      </c>
    </row>
    <row r="22" spans="1:37" x14ac:dyDescent="0.2">
      <c r="A22" s="58" t="s">
        <v>482</v>
      </c>
      <c r="B22" s="10">
        <v>40</v>
      </c>
      <c r="C22" s="17"/>
      <c r="D22" s="13"/>
      <c r="E22" s="14"/>
      <c r="F22" s="15"/>
      <c r="G22" s="13"/>
      <c r="H22" s="13"/>
      <c r="I22" s="13"/>
      <c r="J22" s="14"/>
      <c r="K22" s="15"/>
      <c r="L22" s="13"/>
      <c r="M22" s="13"/>
      <c r="N22" s="13"/>
      <c r="O22" s="14"/>
      <c r="P22" s="12"/>
      <c r="Q22" s="52"/>
      <c r="R22" s="18"/>
      <c r="T22" s="58" t="s">
        <v>450</v>
      </c>
      <c r="U22" s="10">
        <v>41</v>
      </c>
      <c r="V22" s="12"/>
      <c r="W22" s="13"/>
      <c r="X22" s="14"/>
      <c r="Y22" s="15"/>
      <c r="Z22" s="13"/>
      <c r="AA22" s="13"/>
      <c r="AB22" s="13"/>
      <c r="AC22" s="14"/>
      <c r="AD22" s="15"/>
      <c r="AE22" s="13"/>
      <c r="AF22" s="13"/>
      <c r="AG22" s="13"/>
      <c r="AH22" s="14"/>
      <c r="AI22" s="12"/>
      <c r="AJ22" s="52"/>
      <c r="AK22" s="18"/>
    </row>
    <row r="23" spans="1:37" x14ac:dyDescent="0.2">
      <c r="A23" s="59" t="s">
        <v>481</v>
      </c>
      <c r="B23" s="20">
        <v>49</v>
      </c>
      <c r="C23" s="22"/>
      <c r="D23" s="23"/>
      <c r="E23" s="24"/>
      <c r="F23" s="25"/>
      <c r="G23" s="23"/>
      <c r="H23" s="23"/>
      <c r="I23" s="23"/>
      <c r="J23" s="24"/>
      <c r="K23" s="25"/>
      <c r="L23" s="23"/>
      <c r="M23" s="23"/>
      <c r="N23" s="23"/>
      <c r="O23" s="24"/>
      <c r="P23" s="22"/>
      <c r="Q23" s="53"/>
      <c r="R23" s="27"/>
      <c r="T23" s="59" t="s">
        <v>449</v>
      </c>
      <c r="U23" s="20">
        <v>22</v>
      </c>
      <c r="V23" s="22"/>
      <c r="W23" s="23"/>
      <c r="X23" s="24"/>
      <c r="Y23" s="25"/>
      <c r="Z23" s="23"/>
      <c r="AA23" s="23"/>
      <c r="AB23" s="23"/>
      <c r="AC23" s="24"/>
      <c r="AD23" s="25"/>
      <c r="AE23" s="23"/>
      <c r="AF23" s="23"/>
      <c r="AG23" s="23"/>
      <c r="AH23" s="24"/>
      <c r="AI23" s="22"/>
      <c r="AJ23" s="53"/>
      <c r="AK23" s="27"/>
    </row>
    <row r="24" spans="1:37" x14ac:dyDescent="0.2">
      <c r="A24" s="60">
        <v>918</v>
      </c>
      <c r="B24" s="1" t="s">
        <v>259</v>
      </c>
      <c r="C24" s="3"/>
      <c r="D24" s="4"/>
      <c r="E24" s="5"/>
      <c r="F24" s="6"/>
      <c r="G24" s="4"/>
      <c r="H24" s="4"/>
      <c r="I24" s="4"/>
      <c r="J24" s="5"/>
      <c r="K24" s="6"/>
      <c r="L24" s="4"/>
      <c r="M24" s="4"/>
      <c r="N24" s="4" t="s">
        <v>1</v>
      </c>
      <c r="O24" s="5"/>
      <c r="P24" s="3"/>
      <c r="Q24" s="51">
        <v>10</v>
      </c>
      <c r="R24" s="8" t="s">
        <v>259</v>
      </c>
      <c r="T24" s="60" t="s">
        <v>448</v>
      </c>
      <c r="U24" s="1">
        <v>27</v>
      </c>
      <c r="V24" s="3"/>
      <c r="W24" s="4"/>
      <c r="X24" s="5"/>
      <c r="Y24" s="6"/>
      <c r="Z24" s="4"/>
      <c r="AA24" s="4"/>
      <c r="AB24" s="4"/>
      <c r="AC24" s="5"/>
      <c r="AD24" s="6"/>
      <c r="AE24" s="4"/>
      <c r="AF24" s="4"/>
      <c r="AG24" s="4"/>
      <c r="AH24" s="5"/>
      <c r="AI24" s="3"/>
      <c r="AJ24" s="51"/>
      <c r="AK24" s="8"/>
    </row>
    <row r="25" spans="1:37" x14ac:dyDescent="0.2">
      <c r="A25" s="58" t="s">
        <v>480</v>
      </c>
      <c r="B25" s="10">
        <v>33</v>
      </c>
      <c r="C25" s="12"/>
      <c r="D25" s="13"/>
      <c r="E25" s="14"/>
      <c r="F25" s="15"/>
      <c r="G25" s="13"/>
      <c r="H25" s="13"/>
      <c r="I25" s="13"/>
      <c r="J25" s="14"/>
      <c r="K25" s="15"/>
      <c r="L25" s="13"/>
      <c r="M25" s="13"/>
      <c r="N25" s="13"/>
      <c r="O25" s="14"/>
      <c r="P25" s="12"/>
      <c r="Q25" s="52"/>
      <c r="R25" s="18"/>
      <c r="T25" s="58" t="s">
        <v>447</v>
      </c>
      <c r="U25" s="10">
        <v>18</v>
      </c>
      <c r="V25" s="12"/>
      <c r="W25" s="13"/>
      <c r="X25" s="14"/>
      <c r="Y25" s="15"/>
      <c r="Z25" s="13"/>
      <c r="AA25" s="13"/>
      <c r="AB25" s="13"/>
      <c r="AC25" s="14"/>
      <c r="AD25" s="15"/>
      <c r="AE25" s="13"/>
      <c r="AF25" s="13"/>
      <c r="AG25" s="13"/>
      <c r="AH25" s="14"/>
      <c r="AI25" s="12"/>
      <c r="AJ25" s="52"/>
      <c r="AK25" s="18"/>
    </row>
    <row r="26" spans="1:37" x14ac:dyDescent="0.2">
      <c r="A26" s="58">
        <v>919</v>
      </c>
      <c r="B26" s="10" t="s">
        <v>259</v>
      </c>
      <c r="C26" s="12"/>
      <c r="D26" s="13"/>
      <c r="E26" s="14"/>
      <c r="F26" s="15"/>
      <c r="G26" s="13"/>
      <c r="H26" s="13"/>
      <c r="I26" s="13"/>
      <c r="J26" s="14"/>
      <c r="K26" s="15"/>
      <c r="L26" s="13"/>
      <c r="M26" s="13"/>
      <c r="N26" s="13" t="s">
        <v>2</v>
      </c>
      <c r="O26" s="14"/>
      <c r="P26" s="12"/>
      <c r="Q26" s="52" t="s">
        <v>259</v>
      </c>
      <c r="R26" s="18">
        <v>4</v>
      </c>
      <c r="T26" s="58" t="s">
        <v>446</v>
      </c>
      <c r="U26" s="10">
        <v>31</v>
      </c>
      <c r="V26" s="12"/>
      <c r="W26" s="13"/>
      <c r="X26" s="14"/>
      <c r="Y26" s="15"/>
      <c r="Z26" s="13"/>
      <c r="AA26" s="13"/>
      <c r="AB26" s="13"/>
      <c r="AC26" s="14"/>
      <c r="AD26" s="15"/>
      <c r="AE26" s="13"/>
      <c r="AF26" s="13"/>
      <c r="AG26" s="13"/>
      <c r="AH26" s="14"/>
      <c r="AI26" s="12"/>
      <c r="AJ26" s="52"/>
      <c r="AK26" s="18"/>
    </row>
    <row r="27" spans="1:37" x14ac:dyDescent="0.2">
      <c r="A27" s="58" t="s">
        <v>479</v>
      </c>
      <c r="B27" s="10">
        <v>31</v>
      </c>
      <c r="C27" s="12"/>
      <c r="D27" s="13"/>
      <c r="E27" s="14"/>
      <c r="F27" s="15"/>
      <c r="G27" s="13"/>
      <c r="H27" s="13"/>
      <c r="I27" s="13"/>
      <c r="J27" s="14"/>
      <c r="K27" s="15"/>
      <c r="L27" s="13"/>
      <c r="M27" s="13"/>
      <c r="N27" s="13"/>
      <c r="O27" s="14"/>
      <c r="P27" s="12"/>
      <c r="Q27" s="52"/>
      <c r="R27" s="18"/>
      <c r="T27" s="58" t="s">
        <v>445</v>
      </c>
      <c r="U27" s="10">
        <v>36</v>
      </c>
      <c r="V27" s="12"/>
      <c r="W27" s="13"/>
      <c r="X27" s="14"/>
      <c r="Y27" s="15"/>
      <c r="Z27" s="13"/>
      <c r="AA27" s="13"/>
      <c r="AB27" s="13"/>
      <c r="AC27" s="14"/>
      <c r="AD27" s="15"/>
      <c r="AE27" s="13"/>
      <c r="AF27" s="13"/>
      <c r="AG27" s="13"/>
      <c r="AH27" s="14"/>
      <c r="AI27" s="12"/>
      <c r="AJ27" s="52"/>
      <c r="AK27" s="18"/>
    </row>
    <row r="28" spans="1:37" x14ac:dyDescent="0.2">
      <c r="A28" s="62" t="s">
        <v>478</v>
      </c>
      <c r="B28" s="20">
        <v>46</v>
      </c>
      <c r="C28" s="22"/>
      <c r="D28" s="23"/>
      <c r="E28" s="24"/>
      <c r="F28" s="25"/>
      <c r="G28" s="23"/>
      <c r="H28" s="23"/>
      <c r="I28" s="23"/>
      <c r="J28" s="24"/>
      <c r="K28" s="25"/>
      <c r="L28" s="23"/>
      <c r="M28" s="23"/>
      <c r="N28" s="23"/>
      <c r="O28" s="24"/>
      <c r="P28" s="22"/>
      <c r="Q28" s="53"/>
      <c r="R28" s="27"/>
      <c r="T28" s="59">
        <v>954</v>
      </c>
      <c r="U28" s="20" t="s">
        <v>259</v>
      </c>
      <c r="V28" s="22"/>
      <c r="W28" s="23"/>
      <c r="X28" s="24"/>
      <c r="Y28" s="25"/>
      <c r="Z28" s="23"/>
      <c r="AA28" s="23"/>
      <c r="AB28" s="23"/>
      <c r="AC28" s="24"/>
      <c r="AD28" s="25"/>
      <c r="AE28" s="23"/>
      <c r="AF28" s="23"/>
      <c r="AG28" s="23" t="s">
        <v>1</v>
      </c>
      <c r="AH28" s="24"/>
      <c r="AI28" s="22"/>
      <c r="AJ28" s="53">
        <v>4</v>
      </c>
      <c r="AK28" s="27" t="s">
        <v>259</v>
      </c>
    </row>
    <row r="29" spans="1:37" x14ac:dyDescent="0.2">
      <c r="A29" s="60">
        <v>921</v>
      </c>
      <c r="B29" s="1" t="s">
        <v>259</v>
      </c>
      <c r="C29" s="3"/>
      <c r="D29" s="4"/>
      <c r="E29" s="5"/>
      <c r="F29" s="6"/>
      <c r="G29" s="4"/>
      <c r="H29" s="4" t="s">
        <v>1</v>
      </c>
      <c r="I29" s="4"/>
      <c r="J29" s="5"/>
      <c r="K29" s="6"/>
      <c r="L29" s="4"/>
      <c r="M29" s="4"/>
      <c r="N29" s="4"/>
      <c r="O29" s="5"/>
      <c r="P29" s="3"/>
      <c r="Q29" s="51">
        <v>2</v>
      </c>
      <c r="R29" s="8" t="s">
        <v>259</v>
      </c>
      <c r="T29" s="60" t="s">
        <v>444</v>
      </c>
      <c r="U29" s="1">
        <v>36</v>
      </c>
      <c r="V29" s="3"/>
      <c r="W29" s="4"/>
      <c r="X29" s="5"/>
      <c r="Y29" s="6"/>
      <c r="Z29" s="4"/>
      <c r="AA29" s="4"/>
      <c r="AB29" s="4"/>
      <c r="AC29" s="5"/>
      <c r="AD29" s="6"/>
      <c r="AE29" s="4"/>
      <c r="AF29" s="4"/>
      <c r="AG29" s="4"/>
      <c r="AH29" s="5"/>
      <c r="AI29" s="3"/>
      <c r="AJ29" s="51"/>
      <c r="AK29" s="8"/>
    </row>
    <row r="30" spans="1:37" x14ac:dyDescent="0.2">
      <c r="A30" s="61" t="s">
        <v>477</v>
      </c>
      <c r="B30" s="10">
        <v>22</v>
      </c>
      <c r="C30" s="17"/>
      <c r="D30" s="13"/>
      <c r="E30" s="14"/>
      <c r="F30" s="15"/>
      <c r="G30" s="13"/>
      <c r="H30" s="13"/>
      <c r="I30" s="13"/>
      <c r="J30" s="14"/>
      <c r="K30" s="15"/>
      <c r="L30" s="13"/>
      <c r="M30" s="13"/>
      <c r="N30" s="13"/>
      <c r="O30" s="14"/>
      <c r="P30" s="12"/>
      <c r="Q30" s="52"/>
      <c r="R30" s="18"/>
      <c r="T30" s="58" t="s">
        <v>175</v>
      </c>
      <c r="U30" s="10" t="s">
        <v>259</v>
      </c>
      <c r="V30" s="12"/>
      <c r="W30" s="13"/>
      <c r="X30" s="14"/>
      <c r="Y30" s="15"/>
      <c r="Z30" s="13"/>
      <c r="AA30" s="13" t="s">
        <v>0</v>
      </c>
      <c r="AB30" s="13"/>
      <c r="AC30" s="14"/>
      <c r="AD30" s="15"/>
      <c r="AE30" s="13"/>
      <c r="AF30" s="13"/>
      <c r="AG30" s="13"/>
      <c r="AH30" s="14"/>
      <c r="AI30" s="12"/>
      <c r="AJ30" s="52">
        <v>4</v>
      </c>
      <c r="AK30" s="18" t="s">
        <v>259</v>
      </c>
    </row>
    <row r="31" spans="1:37" x14ac:dyDescent="0.2">
      <c r="A31" s="58" t="s">
        <v>171</v>
      </c>
      <c r="B31" s="10" t="s">
        <v>259</v>
      </c>
      <c r="C31" s="17"/>
      <c r="D31" s="13"/>
      <c r="E31" s="14"/>
      <c r="F31" s="15"/>
      <c r="G31" s="13"/>
      <c r="H31" s="13"/>
      <c r="I31" s="13"/>
      <c r="J31" s="14"/>
      <c r="K31" s="15"/>
      <c r="L31" s="13" t="s">
        <v>0</v>
      </c>
      <c r="M31" s="13"/>
      <c r="N31" s="13"/>
      <c r="O31" s="14"/>
      <c r="P31" s="12"/>
      <c r="Q31" s="52">
        <v>4</v>
      </c>
      <c r="R31" s="18" t="s">
        <v>259</v>
      </c>
      <c r="T31" s="58" t="s">
        <v>443</v>
      </c>
      <c r="U31" s="10">
        <v>40</v>
      </c>
      <c r="V31" s="12"/>
      <c r="W31" s="13"/>
      <c r="X31" s="14"/>
      <c r="Y31" s="15"/>
      <c r="Z31" s="13"/>
      <c r="AA31" s="13"/>
      <c r="AB31" s="13"/>
      <c r="AC31" s="14"/>
      <c r="AD31" s="15"/>
      <c r="AE31" s="13"/>
      <c r="AF31" s="13"/>
      <c r="AG31" s="13"/>
      <c r="AH31" s="14"/>
      <c r="AI31" s="12"/>
      <c r="AJ31" s="52"/>
      <c r="AK31" s="18"/>
    </row>
    <row r="32" spans="1:37" x14ac:dyDescent="0.2">
      <c r="A32" s="58" t="s">
        <v>476</v>
      </c>
      <c r="B32" s="10">
        <v>22</v>
      </c>
      <c r="C32" s="12"/>
      <c r="D32" s="13"/>
      <c r="E32" s="14"/>
      <c r="F32" s="15"/>
      <c r="G32" s="13"/>
      <c r="H32" s="13"/>
      <c r="I32" s="13"/>
      <c r="J32" s="14"/>
      <c r="K32" s="15"/>
      <c r="L32" s="13"/>
      <c r="M32" s="13"/>
      <c r="N32" s="13"/>
      <c r="O32" s="14"/>
      <c r="P32" s="12"/>
      <c r="Q32" s="52"/>
      <c r="R32" s="18"/>
      <c r="T32" s="58" t="s">
        <v>176</v>
      </c>
      <c r="U32" s="10" t="s">
        <v>259</v>
      </c>
      <c r="V32" s="17"/>
      <c r="W32" s="34"/>
      <c r="X32" s="35"/>
      <c r="Y32" s="36"/>
      <c r="Z32" s="34"/>
      <c r="AA32" s="34"/>
      <c r="AB32" s="34"/>
      <c r="AC32" s="35"/>
      <c r="AD32" s="36"/>
      <c r="AE32" s="34"/>
      <c r="AF32" s="34"/>
      <c r="AG32" s="34"/>
      <c r="AH32" s="35" t="s">
        <v>1</v>
      </c>
      <c r="AI32" s="17"/>
      <c r="AJ32" s="52">
        <v>4</v>
      </c>
      <c r="AK32" s="18" t="s">
        <v>259</v>
      </c>
    </row>
    <row r="33" spans="1:37" x14ac:dyDescent="0.2">
      <c r="A33" s="59">
        <v>923</v>
      </c>
      <c r="B33" s="20" t="s">
        <v>259</v>
      </c>
      <c r="C33" s="22"/>
      <c r="D33" s="23"/>
      <c r="E33" s="24"/>
      <c r="F33" s="25"/>
      <c r="G33" s="23"/>
      <c r="H33" s="23"/>
      <c r="I33" s="23"/>
      <c r="J33" s="24"/>
      <c r="K33" s="25"/>
      <c r="L33" s="23"/>
      <c r="M33" s="23" t="s">
        <v>2</v>
      </c>
      <c r="N33" s="23"/>
      <c r="O33" s="24"/>
      <c r="P33" s="22"/>
      <c r="Q33" s="53" t="s">
        <v>259</v>
      </c>
      <c r="R33" s="27">
        <v>4</v>
      </c>
      <c r="T33" s="59" t="s">
        <v>442</v>
      </c>
      <c r="U33" s="20">
        <v>40</v>
      </c>
      <c r="V33" s="22"/>
      <c r="W33" s="23"/>
      <c r="X33" s="24"/>
      <c r="Y33" s="25"/>
      <c r="Z33" s="23"/>
      <c r="AA33" s="23"/>
      <c r="AB33" s="23"/>
      <c r="AC33" s="24"/>
      <c r="AD33" s="25"/>
      <c r="AE33" s="23"/>
      <c r="AF33" s="23"/>
      <c r="AG33" s="23"/>
      <c r="AH33" s="24"/>
      <c r="AI33" s="22"/>
      <c r="AJ33" s="53"/>
      <c r="AK33" s="27"/>
    </row>
    <row r="34" spans="1:37" x14ac:dyDescent="0.2">
      <c r="A34" s="57" t="s">
        <v>475</v>
      </c>
      <c r="B34" s="31">
        <v>40</v>
      </c>
      <c r="C34" s="7"/>
      <c r="D34" s="40"/>
      <c r="E34" s="41"/>
      <c r="F34" s="42"/>
      <c r="G34" s="40"/>
      <c r="H34" s="40"/>
      <c r="I34" s="40"/>
      <c r="J34" s="41"/>
      <c r="K34" s="42"/>
      <c r="L34" s="40"/>
      <c r="M34" s="40"/>
      <c r="N34" s="40"/>
      <c r="O34" s="41"/>
      <c r="P34" s="7"/>
      <c r="Q34" s="51"/>
      <c r="R34" s="8"/>
      <c r="T34" s="60" t="s">
        <v>441</v>
      </c>
      <c r="U34" s="1">
        <v>44</v>
      </c>
      <c r="V34" s="3"/>
      <c r="W34" s="4"/>
      <c r="X34" s="5"/>
      <c r="Y34" s="6"/>
      <c r="Z34" s="4"/>
      <c r="AA34" s="4"/>
      <c r="AB34" s="4"/>
      <c r="AC34" s="5"/>
      <c r="AD34" s="6"/>
      <c r="AE34" s="4"/>
      <c r="AF34" s="4"/>
      <c r="AG34" s="4"/>
      <c r="AH34" s="5"/>
      <c r="AI34" s="3"/>
      <c r="AJ34" s="51"/>
      <c r="AK34" s="8"/>
    </row>
    <row r="35" spans="1:37" x14ac:dyDescent="0.2">
      <c r="A35" s="58">
        <v>924</v>
      </c>
      <c r="B35" s="10" t="s">
        <v>259</v>
      </c>
      <c r="C35" s="12"/>
      <c r="D35" s="13"/>
      <c r="E35" s="14"/>
      <c r="F35" s="15"/>
      <c r="G35" s="13"/>
      <c r="H35" s="13"/>
      <c r="I35" s="13"/>
      <c r="J35" s="14"/>
      <c r="K35" s="15"/>
      <c r="L35" s="13" t="s">
        <v>2</v>
      </c>
      <c r="M35" s="13"/>
      <c r="N35" s="13"/>
      <c r="O35" s="14"/>
      <c r="P35" s="12"/>
      <c r="Q35" s="52" t="s">
        <v>259</v>
      </c>
      <c r="R35" s="18">
        <v>4</v>
      </c>
      <c r="T35" s="58" t="s">
        <v>440</v>
      </c>
      <c r="U35" s="10">
        <v>57</v>
      </c>
      <c r="V35" s="17"/>
      <c r="W35" s="13"/>
      <c r="X35" s="14"/>
      <c r="Y35" s="15"/>
      <c r="Z35" s="13"/>
      <c r="AA35" s="13"/>
      <c r="AB35" s="13"/>
      <c r="AC35" s="14"/>
      <c r="AD35" s="15"/>
      <c r="AE35" s="13"/>
      <c r="AF35" s="13"/>
      <c r="AG35" s="13"/>
      <c r="AH35" s="14"/>
      <c r="AI35" s="12"/>
      <c r="AJ35" s="52"/>
      <c r="AK35" s="18"/>
    </row>
    <row r="36" spans="1:37" x14ac:dyDescent="0.2">
      <c r="A36" s="58">
        <v>924</v>
      </c>
      <c r="B36" s="10" t="s">
        <v>259</v>
      </c>
      <c r="C36" s="12"/>
      <c r="D36" s="13"/>
      <c r="E36" s="14"/>
      <c r="F36" s="15"/>
      <c r="G36" s="13"/>
      <c r="H36" s="13" t="s">
        <v>1</v>
      </c>
      <c r="I36" s="13"/>
      <c r="J36" s="14"/>
      <c r="K36" s="15"/>
      <c r="L36" s="13"/>
      <c r="M36" s="13"/>
      <c r="N36" s="13"/>
      <c r="O36" s="14"/>
      <c r="P36" s="12"/>
      <c r="Q36" s="52">
        <v>4</v>
      </c>
      <c r="R36" s="18" t="s">
        <v>259</v>
      </c>
      <c r="T36" s="58" t="s">
        <v>439</v>
      </c>
      <c r="U36" s="10">
        <v>36</v>
      </c>
      <c r="V36" s="17"/>
      <c r="W36" s="13"/>
      <c r="X36" s="14"/>
      <c r="Y36" s="15"/>
      <c r="Z36" s="13"/>
      <c r="AA36" s="13"/>
      <c r="AB36" s="13"/>
      <c r="AC36" s="14"/>
      <c r="AD36" s="15"/>
      <c r="AE36" s="13"/>
      <c r="AF36" s="13"/>
      <c r="AG36" s="13"/>
      <c r="AH36" s="14"/>
      <c r="AI36" s="12"/>
      <c r="AJ36" s="52"/>
      <c r="AK36" s="18"/>
    </row>
    <row r="37" spans="1:37" x14ac:dyDescent="0.2">
      <c r="A37" s="58" t="s">
        <v>474</v>
      </c>
      <c r="B37" s="10">
        <v>22</v>
      </c>
      <c r="C37" s="12"/>
      <c r="D37" s="13"/>
      <c r="E37" s="14"/>
      <c r="F37" s="15"/>
      <c r="G37" s="13"/>
      <c r="H37" s="13"/>
      <c r="I37" s="13"/>
      <c r="J37" s="14"/>
      <c r="K37" s="15"/>
      <c r="L37" s="13"/>
      <c r="M37" s="13"/>
      <c r="N37" s="13"/>
      <c r="O37" s="14"/>
      <c r="P37" s="12"/>
      <c r="Q37" s="52"/>
      <c r="R37" s="18"/>
      <c r="T37" s="58" t="s">
        <v>177</v>
      </c>
      <c r="U37" s="10" t="s">
        <v>259</v>
      </c>
      <c r="V37" s="12"/>
      <c r="W37" s="13"/>
      <c r="X37" s="14"/>
      <c r="Y37" s="15"/>
      <c r="Z37" s="13"/>
      <c r="AA37" s="13"/>
      <c r="AB37" s="13"/>
      <c r="AC37" s="14"/>
      <c r="AD37" s="15"/>
      <c r="AE37" s="13" t="s">
        <v>0</v>
      </c>
      <c r="AF37" s="13"/>
      <c r="AG37" s="13"/>
      <c r="AH37" s="14"/>
      <c r="AI37" s="12"/>
      <c r="AJ37" s="52">
        <v>8</v>
      </c>
      <c r="AK37" s="18" t="s">
        <v>259</v>
      </c>
    </row>
    <row r="38" spans="1:37" x14ac:dyDescent="0.2">
      <c r="A38" s="59">
        <v>925</v>
      </c>
      <c r="B38" s="20" t="s">
        <v>259</v>
      </c>
      <c r="C38" s="22"/>
      <c r="D38" s="23"/>
      <c r="E38" s="24"/>
      <c r="F38" s="25"/>
      <c r="G38" s="23"/>
      <c r="H38" s="23"/>
      <c r="I38" s="23"/>
      <c r="J38" s="24"/>
      <c r="K38" s="25"/>
      <c r="L38" s="23"/>
      <c r="M38" s="23"/>
      <c r="N38" s="23" t="s">
        <v>2</v>
      </c>
      <c r="O38" s="24"/>
      <c r="P38" s="22"/>
      <c r="Q38" s="53" t="s">
        <v>259</v>
      </c>
      <c r="R38" s="27">
        <v>4</v>
      </c>
      <c r="T38" s="59" t="s">
        <v>438</v>
      </c>
      <c r="U38" s="20">
        <v>27</v>
      </c>
      <c r="V38" s="22"/>
      <c r="W38" s="23"/>
      <c r="X38" s="24"/>
      <c r="Y38" s="25"/>
      <c r="Z38" s="23"/>
      <c r="AA38" s="23"/>
      <c r="AB38" s="23"/>
      <c r="AC38" s="24"/>
      <c r="AD38" s="25"/>
      <c r="AE38" s="23"/>
      <c r="AF38" s="23"/>
      <c r="AG38" s="23"/>
      <c r="AH38" s="24"/>
      <c r="AI38" s="22"/>
      <c r="AJ38" s="53"/>
      <c r="AK38" s="27"/>
    </row>
    <row r="39" spans="1:37" x14ac:dyDescent="0.2">
      <c r="A39" s="60" t="s">
        <v>473</v>
      </c>
      <c r="B39" s="1">
        <v>27</v>
      </c>
      <c r="C39" s="7"/>
      <c r="D39" s="40"/>
      <c r="E39" s="41"/>
      <c r="F39" s="42"/>
      <c r="G39" s="40"/>
      <c r="H39" s="40"/>
      <c r="I39" s="40"/>
      <c r="J39" s="41"/>
      <c r="K39" s="42"/>
      <c r="L39" s="40"/>
      <c r="M39" s="40"/>
      <c r="N39" s="40"/>
      <c r="O39" s="41"/>
      <c r="P39" s="7"/>
      <c r="Q39" s="51"/>
      <c r="R39" s="8"/>
      <c r="T39" s="60" t="s">
        <v>437</v>
      </c>
      <c r="U39" s="1">
        <v>31</v>
      </c>
      <c r="V39" s="3"/>
      <c r="W39" s="4"/>
      <c r="X39" s="5"/>
      <c r="Y39" s="6"/>
      <c r="Z39" s="4"/>
      <c r="AA39" s="4"/>
      <c r="AB39" s="4"/>
      <c r="AC39" s="5"/>
      <c r="AD39" s="6"/>
      <c r="AE39" s="4"/>
      <c r="AF39" s="4"/>
      <c r="AG39" s="4"/>
      <c r="AH39" s="5"/>
      <c r="AI39" s="3"/>
      <c r="AJ39" s="51"/>
      <c r="AK39" s="8"/>
    </row>
    <row r="40" spans="1:37" x14ac:dyDescent="0.2">
      <c r="A40" s="58" t="s">
        <v>472</v>
      </c>
      <c r="B40" s="10">
        <v>36</v>
      </c>
      <c r="C40" s="12"/>
      <c r="D40" s="13"/>
      <c r="E40" s="14"/>
      <c r="F40" s="15"/>
      <c r="G40" s="13"/>
      <c r="H40" s="13"/>
      <c r="I40" s="13"/>
      <c r="J40" s="14"/>
      <c r="K40" s="15"/>
      <c r="L40" s="13"/>
      <c r="M40" s="13"/>
      <c r="N40" s="13"/>
      <c r="O40" s="14"/>
      <c r="P40" s="12"/>
      <c r="Q40" s="52"/>
      <c r="R40" s="18"/>
      <c r="T40" s="58" t="s">
        <v>178</v>
      </c>
      <c r="U40" s="10" t="s">
        <v>259</v>
      </c>
      <c r="V40" s="12"/>
      <c r="W40" s="13"/>
      <c r="X40" s="14"/>
      <c r="Y40" s="15"/>
      <c r="Z40" s="13"/>
      <c r="AA40" s="13"/>
      <c r="AB40" s="13"/>
      <c r="AC40" s="14"/>
      <c r="AD40" s="15"/>
      <c r="AE40" s="13"/>
      <c r="AF40" s="13"/>
      <c r="AG40" s="13"/>
      <c r="AH40" s="14" t="s">
        <v>0</v>
      </c>
      <c r="AI40" s="12"/>
      <c r="AJ40" s="52">
        <v>4</v>
      </c>
      <c r="AK40" s="18" t="s">
        <v>259</v>
      </c>
    </row>
    <row r="41" spans="1:37" x14ac:dyDescent="0.2">
      <c r="A41" s="58">
        <v>927</v>
      </c>
      <c r="B41" s="10" t="s">
        <v>259</v>
      </c>
      <c r="C41" s="12"/>
      <c r="D41" s="13"/>
      <c r="E41" s="14"/>
      <c r="F41" s="15"/>
      <c r="G41" s="13"/>
      <c r="H41" s="13"/>
      <c r="I41" s="13"/>
      <c r="J41" s="14"/>
      <c r="K41" s="15"/>
      <c r="L41" s="13"/>
      <c r="M41" s="13" t="s">
        <v>1</v>
      </c>
      <c r="N41" s="13"/>
      <c r="O41" s="14"/>
      <c r="P41" s="12"/>
      <c r="Q41" s="52">
        <v>4</v>
      </c>
      <c r="R41" s="18" t="s">
        <v>259</v>
      </c>
      <c r="T41" s="58" t="s">
        <v>436</v>
      </c>
      <c r="U41" s="10">
        <v>30</v>
      </c>
      <c r="V41" s="12"/>
      <c r="W41" s="13"/>
      <c r="X41" s="14"/>
      <c r="Y41" s="15"/>
      <c r="Z41" s="13"/>
      <c r="AA41" s="13"/>
      <c r="AB41" s="13"/>
      <c r="AC41" s="14"/>
      <c r="AD41" s="15"/>
      <c r="AE41" s="13"/>
      <c r="AF41" s="13"/>
      <c r="AG41" s="13"/>
      <c r="AH41" s="14"/>
      <c r="AI41" s="12"/>
      <c r="AJ41" s="52"/>
      <c r="AK41" s="18"/>
    </row>
    <row r="42" spans="1:37" x14ac:dyDescent="0.2">
      <c r="A42" s="58" t="s">
        <v>471</v>
      </c>
      <c r="B42" s="10">
        <v>36</v>
      </c>
      <c r="C42" s="12"/>
      <c r="D42" s="13"/>
      <c r="E42" s="14"/>
      <c r="F42" s="15"/>
      <c r="G42" s="13"/>
      <c r="H42" s="13"/>
      <c r="I42" s="13"/>
      <c r="J42" s="14"/>
      <c r="K42" s="15"/>
      <c r="L42" s="13"/>
      <c r="M42" s="13"/>
      <c r="N42" s="13"/>
      <c r="O42" s="14"/>
      <c r="P42" s="12"/>
      <c r="Q42" s="52"/>
      <c r="R42" s="18"/>
      <c r="T42" s="58">
        <v>963</v>
      </c>
      <c r="U42" s="10" t="s">
        <v>259</v>
      </c>
      <c r="V42" s="17"/>
      <c r="W42" s="13"/>
      <c r="X42" s="14"/>
      <c r="Y42" s="15"/>
      <c r="Z42" s="13"/>
      <c r="AA42" s="13"/>
      <c r="AB42" s="13"/>
      <c r="AC42" s="14"/>
      <c r="AD42" s="15"/>
      <c r="AE42" s="13"/>
      <c r="AF42" s="13"/>
      <c r="AG42" s="13"/>
      <c r="AH42" s="14"/>
      <c r="AI42" s="12" t="s">
        <v>0</v>
      </c>
      <c r="AJ42" s="52">
        <v>3</v>
      </c>
      <c r="AK42" s="18" t="s">
        <v>259</v>
      </c>
    </row>
    <row r="43" spans="1:37" x14ac:dyDescent="0.2">
      <c r="A43" s="59" t="s">
        <v>470</v>
      </c>
      <c r="B43" s="20">
        <v>31</v>
      </c>
      <c r="C43" s="22"/>
      <c r="D43" s="23"/>
      <c r="E43" s="24"/>
      <c r="F43" s="25"/>
      <c r="G43" s="23"/>
      <c r="H43" s="23"/>
      <c r="I43" s="23"/>
      <c r="J43" s="24"/>
      <c r="K43" s="25"/>
      <c r="L43" s="23"/>
      <c r="M43" s="23"/>
      <c r="N43" s="23"/>
      <c r="O43" s="24"/>
      <c r="P43" s="22"/>
      <c r="Q43" s="53"/>
      <c r="R43" s="27"/>
      <c r="T43" s="59" t="s">
        <v>435</v>
      </c>
      <c r="U43" s="20">
        <v>27</v>
      </c>
      <c r="V43" s="22"/>
      <c r="W43" s="23"/>
      <c r="X43" s="24"/>
      <c r="Y43" s="25"/>
      <c r="Z43" s="23"/>
      <c r="AA43" s="23"/>
      <c r="AB43" s="23"/>
      <c r="AC43" s="24"/>
      <c r="AD43" s="25"/>
      <c r="AE43" s="23"/>
      <c r="AF43" s="23"/>
      <c r="AG43" s="23"/>
      <c r="AH43" s="24"/>
      <c r="AI43" s="22"/>
      <c r="AJ43" s="53"/>
      <c r="AK43" s="27"/>
    </row>
    <row r="44" spans="1:37" x14ac:dyDescent="0.2">
      <c r="A44" s="60" t="s">
        <v>469</v>
      </c>
      <c r="B44" s="1">
        <v>44</v>
      </c>
      <c r="C44" s="3"/>
      <c r="D44" s="4"/>
      <c r="E44" s="5"/>
      <c r="F44" s="6"/>
      <c r="G44" s="4"/>
      <c r="H44" s="4"/>
      <c r="I44" s="4"/>
      <c r="J44" s="5"/>
      <c r="K44" s="6"/>
      <c r="L44" s="4"/>
      <c r="M44" s="4"/>
      <c r="N44" s="4"/>
      <c r="O44" s="5"/>
      <c r="P44" s="3"/>
      <c r="Q44" s="51"/>
      <c r="R44" s="8"/>
      <c r="T44" s="60" t="s">
        <v>179</v>
      </c>
      <c r="U44" s="1" t="s">
        <v>259</v>
      </c>
      <c r="V44" s="3"/>
      <c r="W44" s="4"/>
      <c r="X44" s="5"/>
      <c r="Y44" s="6"/>
      <c r="Z44" s="4"/>
      <c r="AA44" s="4"/>
      <c r="AB44" s="4"/>
      <c r="AC44" s="5"/>
      <c r="AD44" s="6"/>
      <c r="AE44" s="4"/>
      <c r="AF44" s="4" t="s">
        <v>0</v>
      </c>
      <c r="AG44" s="4"/>
      <c r="AH44" s="5"/>
      <c r="AI44" s="3"/>
      <c r="AJ44" s="51">
        <v>4</v>
      </c>
      <c r="AK44" s="8" t="s">
        <v>259</v>
      </c>
    </row>
    <row r="45" spans="1:37" x14ac:dyDescent="0.2">
      <c r="A45" s="58">
        <v>930</v>
      </c>
      <c r="B45" s="10" t="s">
        <v>259</v>
      </c>
      <c r="C45" s="12"/>
      <c r="D45" s="13"/>
      <c r="E45" s="14"/>
      <c r="F45" s="15"/>
      <c r="G45" s="13"/>
      <c r="H45" s="13"/>
      <c r="I45" s="13"/>
      <c r="J45" s="14"/>
      <c r="K45" s="15"/>
      <c r="L45" s="13"/>
      <c r="M45" s="13"/>
      <c r="N45" s="13"/>
      <c r="O45" s="14" t="s">
        <v>1</v>
      </c>
      <c r="P45" s="12"/>
      <c r="Q45" s="52">
        <v>4</v>
      </c>
      <c r="R45" s="18" t="s">
        <v>259</v>
      </c>
      <c r="T45" s="58" t="s">
        <v>434</v>
      </c>
      <c r="U45" s="10">
        <v>31</v>
      </c>
      <c r="V45" s="12"/>
      <c r="W45" s="13"/>
      <c r="X45" s="14"/>
      <c r="Y45" s="15"/>
      <c r="Z45" s="13"/>
      <c r="AA45" s="13"/>
      <c r="AB45" s="13"/>
      <c r="AC45" s="14"/>
      <c r="AD45" s="15"/>
      <c r="AE45" s="13"/>
      <c r="AF45" s="13"/>
      <c r="AG45" s="13"/>
      <c r="AH45" s="14"/>
      <c r="AI45" s="12"/>
      <c r="AJ45" s="52"/>
      <c r="AK45" s="18"/>
    </row>
    <row r="46" spans="1:37" x14ac:dyDescent="0.2">
      <c r="A46" s="58" t="s">
        <v>468</v>
      </c>
      <c r="B46" s="10">
        <v>39</v>
      </c>
      <c r="C46" s="12"/>
      <c r="D46" s="13"/>
      <c r="E46" s="14"/>
      <c r="F46" s="15"/>
      <c r="G46" s="13"/>
      <c r="H46" s="13"/>
      <c r="I46" s="13"/>
      <c r="J46" s="14"/>
      <c r="K46" s="15"/>
      <c r="L46" s="13"/>
      <c r="M46" s="13"/>
      <c r="N46" s="13"/>
      <c r="O46" s="14"/>
      <c r="P46" s="12"/>
      <c r="Q46" s="52"/>
      <c r="R46" s="18"/>
      <c r="T46" s="58" t="s">
        <v>180</v>
      </c>
      <c r="U46" s="10" t="s">
        <v>259</v>
      </c>
      <c r="V46" s="12"/>
      <c r="W46" s="13"/>
      <c r="X46" s="14"/>
      <c r="Y46" s="15"/>
      <c r="Z46" s="13"/>
      <c r="AA46" s="13"/>
      <c r="AB46" s="13"/>
      <c r="AC46" s="14"/>
      <c r="AD46" s="15"/>
      <c r="AE46" s="13"/>
      <c r="AF46" s="13"/>
      <c r="AG46" s="13"/>
      <c r="AH46" s="14" t="s">
        <v>0</v>
      </c>
      <c r="AI46" s="12"/>
      <c r="AJ46" s="52">
        <v>6</v>
      </c>
      <c r="AK46" s="18" t="s">
        <v>259</v>
      </c>
    </row>
    <row r="47" spans="1:37" x14ac:dyDescent="0.2">
      <c r="A47" s="58" t="s">
        <v>467</v>
      </c>
      <c r="B47" s="10">
        <v>40</v>
      </c>
      <c r="C47" s="12"/>
      <c r="D47" s="13"/>
      <c r="E47" s="14"/>
      <c r="F47" s="15"/>
      <c r="G47" s="13"/>
      <c r="H47" s="13"/>
      <c r="I47" s="13"/>
      <c r="J47" s="14"/>
      <c r="K47" s="15"/>
      <c r="L47" s="13"/>
      <c r="M47" s="13"/>
      <c r="N47" s="13"/>
      <c r="O47" s="14"/>
      <c r="P47" s="12"/>
      <c r="Q47" s="52"/>
      <c r="R47" s="18"/>
      <c r="T47" s="58" t="s">
        <v>433</v>
      </c>
      <c r="U47" s="10">
        <v>43</v>
      </c>
      <c r="V47" s="12"/>
      <c r="W47" s="13"/>
      <c r="X47" s="14"/>
      <c r="Y47" s="15"/>
      <c r="Z47" s="13"/>
      <c r="AA47" s="13"/>
      <c r="AB47" s="13"/>
      <c r="AC47" s="14"/>
      <c r="AD47" s="15"/>
      <c r="AE47" s="13"/>
      <c r="AF47" s="13"/>
      <c r="AG47" s="13"/>
      <c r="AH47" s="14"/>
      <c r="AI47" s="12"/>
      <c r="AJ47" s="52"/>
      <c r="AK47" s="18"/>
    </row>
    <row r="48" spans="1:37" x14ac:dyDescent="0.2">
      <c r="A48" s="59" t="s">
        <v>466</v>
      </c>
      <c r="B48" s="20">
        <v>31</v>
      </c>
      <c r="C48" s="22"/>
      <c r="D48" s="23"/>
      <c r="E48" s="24"/>
      <c r="F48" s="25"/>
      <c r="G48" s="23"/>
      <c r="H48" s="23"/>
      <c r="I48" s="23"/>
      <c r="J48" s="24"/>
      <c r="K48" s="25"/>
      <c r="L48" s="23"/>
      <c r="M48" s="23"/>
      <c r="N48" s="23"/>
      <c r="O48" s="24"/>
      <c r="P48" s="22"/>
      <c r="Q48" s="53"/>
      <c r="R48" s="27"/>
      <c r="T48" s="59" t="s">
        <v>432</v>
      </c>
      <c r="U48" s="20">
        <v>49</v>
      </c>
      <c r="V48" s="22"/>
      <c r="W48" s="23"/>
      <c r="X48" s="24"/>
      <c r="Y48" s="25"/>
      <c r="Z48" s="23"/>
      <c r="AA48" s="23"/>
      <c r="AB48" s="23"/>
      <c r="AC48" s="24"/>
      <c r="AD48" s="25"/>
      <c r="AE48" s="23"/>
      <c r="AF48" s="23"/>
      <c r="AG48" s="23"/>
      <c r="AH48" s="24"/>
      <c r="AI48" s="22"/>
      <c r="AJ48" s="53"/>
      <c r="AK48" s="27"/>
    </row>
    <row r="49" spans="1:37" x14ac:dyDescent="0.2">
      <c r="A49" s="60" t="s">
        <v>172</v>
      </c>
      <c r="B49" s="1" t="s">
        <v>259</v>
      </c>
      <c r="C49" s="3"/>
      <c r="D49" s="4"/>
      <c r="E49" s="5"/>
      <c r="F49" s="6"/>
      <c r="G49" s="4"/>
      <c r="H49" s="4"/>
      <c r="I49" s="4"/>
      <c r="J49" s="5"/>
      <c r="K49" s="6"/>
      <c r="L49" s="4" t="s">
        <v>0</v>
      </c>
      <c r="M49" s="4"/>
      <c r="N49" s="4"/>
      <c r="O49" s="5"/>
      <c r="P49" s="3"/>
      <c r="Q49" s="51">
        <v>4</v>
      </c>
      <c r="R49" s="8" t="s">
        <v>259</v>
      </c>
      <c r="T49" s="60" t="s">
        <v>431</v>
      </c>
      <c r="U49" s="1">
        <v>40</v>
      </c>
      <c r="V49" s="7"/>
      <c r="W49" s="4"/>
      <c r="X49" s="5"/>
      <c r="Y49" s="6"/>
      <c r="Z49" s="4"/>
      <c r="AA49" s="4"/>
      <c r="AB49" s="4"/>
      <c r="AC49" s="5"/>
      <c r="AD49" s="6"/>
      <c r="AE49" s="4"/>
      <c r="AF49" s="4"/>
      <c r="AG49" s="4"/>
      <c r="AH49" s="5"/>
      <c r="AI49" s="3"/>
      <c r="AJ49" s="51"/>
      <c r="AK49" s="8"/>
    </row>
    <row r="50" spans="1:37" x14ac:dyDescent="0.2">
      <c r="A50" s="58" t="s">
        <v>465</v>
      </c>
      <c r="B50" s="10">
        <v>40</v>
      </c>
      <c r="C50" s="12"/>
      <c r="D50" s="13"/>
      <c r="E50" s="14"/>
      <c r="F50" s="15"/>
      <c r="G50" s="13"/>
      <c r="H50" s="13"/>
      <c r="I50" s="13"/>
      <c r="J50" s="14"/>
      <c r="K50" s="15"/>
      <c r="L50" s="13"/>
      <c r="M50" s="13"/>
      <c r="N50" s="13"/>
      <c r="O50" s="14"/>
      <c r="P50" s="12"/>
      <c r="Q50" s="52"/>
      <c r="R50" s="18"/>
      <c r="T50" s="58" t="s">
        <v>181</v>
      </c>
      <c r="U50" s="10" t="s">
        <v>259</v>
      </c>
      <c r="V50" s="12"/>
      <c r="W50" s="13"/>
      <c r="X50" s="14"/>
      <c r="Y50" s="15"/>
      <c r="Z50" s="13"/>
      <c r="AA50" s="13"/>
      <c r="AB50" s="13"/>
      <c r="AC50" s="14"/>
      <c r="AD50" s="15"/>
      <c r="AE50" s="13"/>
      <c r="AF50" s="13"/>
      <c r="AG50" s="13"/>
      <c r="AH50" s="14" t="s">
        <v>0</v>
      </c>
      <c r="AI50" s="12"/>
      <c r="AJ50" s="52">
        <v>4</v>
      </c>
      <c r="AK50" s="18" t="s">
        <v>259</v>
      </c>
    </row>
    <row r="51" spans="1:37" x14ac:dyDescent="0.2">
      <c r="A51" s="58" t="s">
        <v>464</v>
      </c>
      <c r="B51" s="10">
        <v>66</v>
      </c>
      <c r="C51" s="12"/>
      <c r="D51" s="13"/>
      <c r="E51" s="14"/>
      <c r="F51" s="15"/>
      <c r="G51" s="13"/>
      <c r="H51" s="13"/>
      <c r="I51" s="13"/>
      <c r="J51" s="14"/>
      <c r="K51" s="15"/>
      <c r="L51" s="13"/>
      <c r="M51" s="13"/>
      <c r="N51" s="13"/>
      <c r="O51" s="14"/>
      <c r="P51" s="12"/>
      <c r="Q51" s="52"/>
      <c r="R51" s="18"/>
      <c r="T51" s="58" t="s">
        <v>430</v>
      </c>
      <c r="U51" s="10">
        <v>30</v>
      </c>
      <c r="V51" s="17"/>
      <c r="W51" s="13"/>
      <c r="X51" s="14"/>
      <c r="Y51" s="15"/>
      <c r="Z51" s="13"/>
      <c r="AA51" s="13"/>
      <c r="AB51" s="13"/>
      <c r="AC51" s="14"/>
      <c r="AD51" s="15"/>
      <c r="AE51" s="13"/>
      <c r="AF51" s="13"/>
      <c r="AG51" s="13"/>
      <c r="AH51" s="14"/>
      <c r="AI51" s="12"/>
      <c r="AJ51" s="52"/>
      <c r="AK51" s="18"/>
    </row>
    <row r="52" spans="1:37" x14ac:dyDescent="0.2">
      <c r="A52" s="58" t="s">
        <v>173</v>
      </c>
      <c r="B52" s="10" t="s">
        <v>259</v>
      </c>
      <c r="C52" s="12"/>
      <c r="D52" s="13"/>
      <c r="E52" s="14"/>
      <c r="F52" s="15"/>
      <c r="G52" s="13"/>
      <c r="H52" s="13"/>
      <c r="I52" s="13"/>
      <c r="J52" s="14"/>
      <c r="K52" s="15"/>
      <c r="L52" s="13" t="s">
        <v>0</v>
      </c>
      <c r="M52" s="13"/>
      <c r="N52" s="13"/>
      <c r="O52" s="14"/>
      <c r="P52" s="12"/>
      <c r="Q52" s="52">
        <v>4</v>
      </c>
      <c r="R52" s="18" t="s">
        <v>259</v>
      </c>
      <c r="T52" s="58" t="s">
        <v>429</v>
      </c>
      <c r="U52" s="32">
        <v>36</v>
      </c>
      <c r="V52" s="17"/>
      <c r="W52" s="13"/>
      <c r="X52" s="14"/>
      <c r="Y52" s="15"/>
      <c r="Z52" s="13"/>
      <c r="AA52" s="13"/>
      <c r="AB52" s="13"/>
      <c r="AC52" s="14"/>
      <c r="AD52" s="15"/>
      <c r="AE52" s="13"/>
      <c r="AF52" s="13"/>
      <c r="AG52" s="13"/>
      <c r="AH52" s="14"/>
      <c r="AI52" s="12"/>
      <c r="AJ52" s="52"/>
      <c r="AK52" s="18"/>
    </row>
    <row r="53" spans="1:37" x14ac:dyDescent="0.2">
      <c r="A53" s="59" t="s">
        <v>463</v>
      </c>
      <c r="B53" s="20">
        <v>36</v>
      </c>
      <c r="C53" s="22"/>
      <c r="D53" s="23"/>
      <c r="E53" s="24"/>
      <c r="F53" s="25"/>
      <c r="G53" s="23"/>
      <c r="H53" s="23"/>
      <c r="I53" s="23"/>
      <c r="J53" s="24"/>
      <c r="K53" s="25"/>
      <c r="L53" s="23"/>
      <c r="M53" s="23"/>
      <c r="N53" s="23"/>
      <c r="O53" s="24"/>
      <c r="P53" s="22"/>
      <c r="Q53" s="53"/>
      <c r="R53" s="27"/>
      <c r="T53" s="59">
        <v>970</v>
      </c>
      <c r="U53" s="20" t="s">
        <v>259</v>
      </c>
      <c r="V53" s="22"/>
      <c r="W53" s="23"/>
      <c r="X53" s="24"/>
      <c r="Y53" s="25"/>
      <c r="Z53" s="23"/>
      <c r="AA53" s="23"/>
      <c r="AB53" s="23" t="s">
        <v>1</v>
      </c>
      <c r="AC53" s="24"/>
      <c r="AD53" s="25"/>
      <c r="AE53" s="23"/>
      <c r="AF53" s="23"/>
      <c r="AG53" s="23"/>
      <c r="AH53" s="24"/>
      <c r="AI53" s="22"/>
      <c r="AJ53" s="53">
        <v>1</v>
      </c>
      <c r="AK53" s="27" t="s">
        <v>259</v>
      </c>
    </row>
    <row r="54" spans="1:37" x14ac:dyDescent="0.2">
      <c r="A54" s="60"/>
      <c r="B54" s="2"/>
      <c r="C54" s="7"/>
      <c r="D54" s="4"/>
      <c r="E54" s="5"/>
      <c r="F54" s="6"/>
      <c r="G54" s="4"/>
      <c r="H54" s="4"/>
      <c r="I54" s="4"/>
      <c r="J54" s="5"/>
      <c r="K54" s="6"/>
      <c r="L54" s="4"/>
      <c r="M54" s="4"/>
      <c r="N54" s="4"/>
      <c r="O54" s="5"/>
      <c r="P54" s="3"/>
      <c r="Q54" s="51"/>
      <c r="R54" s="8"/>
    </row>
    <row r="55" spans="1:37" x14ac:dyDescent="0.2">
      <c r="A55" s="58"/>
      <c r="B55" s="11"/>
      <c r="C55" s="17"/>
      <c r="D55" s="13"/>
      <c r="E55" s="14"/>
      <c r="F55" s="15"/>
      <c r="G55" s="13"/>
      <c r="H55" s="13"/>
      <c r="I55" s="13"/>
      <c r="J55" s="14"/>
      <c r="K55" s="15"/>
      <c r="L55" s="13"/>
      <c r="M55" s="13"/>
      <c r="N55" s="13"/>
      <c r="O55" s="14"/>
      <c r="P55" s="12"/>
      <c r="Q55" s="52"/>
      <c r="R55" s="18"/>
    </row>
    <row r="56" spans="1:37" x14ac:dyDescent="0.2">
      <c r="A56" s="58"/>
      <c r="B56" s="11"/>
      <c r="C56" s="17"/>
      <c r="D56" s="13"/>
      <c r="E56" s="14"/>
      <c r="F56" s="15"/>
      <c r="G56" s="13"/>
      <c r="H56" s="13"/>
      <c r="I56" s="13"/>
      <c r="J56" s="14"/>
      <c r="K56" s="15"/>
      <c r="L56" s="13"/>
      <c r="M56" s="13"/>
      <c r="N56" s="13"/>
      <c r="O56" s="14"/>
      <c r="P56" s="12"/>
      <c r="Q56" s="52"/>
      <c r="R56" s="18"/>
    </row>
    <row r="57" spans="1:37" x14ac:dyDescent="0.2">
      <c r="A57" s="58"/>
      <c r="B57" s="11"/>
      <c r="C57" s="17"/>
      <c r="D57" s="13"/>
      <c r="E57" s="14"/>
      <c r="F57" s="15"/>
      <c r="G57" s="13"/>
      <c r="H57" s="13"/>
      <c r="I57" s="13"/>
      <c r="J57" s="14"/>
      <c r="K57" s="15"/>
      <c r="L57" s="13"/>
      <c r="M57" s="13"/>
      <c r="N57" s="13"/>
      <c r="O57" s="14"/>
      <c r="P57" s="12"/>
      <c r="Q57" s="52"/>
      <c r="R57" s="18"/>
    </row>
    <row r="58" spans="1:37" x14ac:dyDescent="0.2">
      <c r="A58" s="59"/>
      <c r="B58" s="21"/>
      <c r="C58" s="26"/>
      <c r="D58" s="23"/>
      <c r="E58" s="24"/>
      <c r="F58" s="25"/>
      <c r="G58" s="23"/>
      <c r="H58" s="23"/>
      <c r="I58" s="23"/>
      <c r="J58" s="24"/>
      <c r="K58" s="25"/>
      <c r="L58" s="23"/>
      <c r="M58" s="23"/>
      <c r="N58" s="23"/>
      <c r="O58" s="24"/>
      <c r="P58" s="22"/>
      <c r="Q58" s="53"/>
      <c r="R58" s="27"/>
    </row>
    <row r="59" spans="1:37" x14ac:dyDescent="0.2">
      <c r="A59" s="60"/>
      <c r="B59" s="2"/>
      <c r="C59" s="7"/>
      <c r="D59" s="4"/>
      <c r="E59" s="5"/>
      <c r="F59" s="6"/>
      <c r="G59" s="4"/>
      <c r="H59" s="4"/>
      <c r="I59" s="4"/>
      <c r="J59" s="5"/>
      <c r="K59" s="6"/>
      <c r="L59" s="4"/>
      <c r="M59" s="4"/>
      <c r="N59" s="4"/>
      <c r="O59" s="5"/>
      <c r="P59" s="3"/>
      <c r="Q59" s="51"/>
      <c r="R59" s="8"/>
    </row>
    <row r="60" spans="1:37" x14ac:dyDescent="0.2">
      <c r="A60" s="58"/>
      <c r="B60" s="11"/>
      <c r="C60" s="17"/>
      <c r="D60" s="13"/>
      <c r="E60" s="14"/>
      <c r="F60" s="15"/>
      <c r="G60" s="13"/>
      <c r="H60" s="13"/>
      <c r="I60" s="13"/>
      <c r="J60" s="14"/>
      <c r="K60" s="15"/>
      <c r="L60" s="13"/>
      <c r="M60" s="13"/>
      <c r="N60" s="13"/>
      <c r="O60" s="14"/>
      <c r="P60" s="12"/>
      <c r="Q60" s="52"/>
      <c r="R60" s="18"/>
    </row>
    <row r="61" spans="1:37" x14ac:dyDescent="0.2">
      <c r="A61" s="58"/>
      <c r="B61" s="11"/>
      <c r="C61" s="17"/>
      <c r="D61" s="13"/>
      <c r="E61" s="14"/>
      <c r="F61" s="15"/>
      <c r="G61" s="13"/>
      <c r="H61" s="13"/>
      <c r="I61" s="13"/>
      <c r="J61" s="14"/>
      <c r="K61" s="15"/>
      <c r="L61" s="13"/>
      <c r="M61" s="13"/>
      <c r="N61" s="13"/>
      <c r="O61" s="14"/>
      <c r="P61" s="12"/>
      <c r="Q61" s="52"/>
      <c r="R61" s="18"/>
    </row>
    <row r="62" spans="1:37" x14ac:dyDescent="0.2">
      <c r="A62" s="58"/>
      <c r="B62" s="11"/>
      <c r="C62" s="17"/>
      <c r="D62" s="13"/>
      <c r="E62" s="14"/>
      <c r="F62" s="15"/>
      <c r="G62" s="13"/>
      <c r="H62" s="13"/>
      <c r="I62" s="13"/>
      <c r="J62" s="14"/>
      <c r="K62" s="15"/>
      <c r="L62" s="13"/>
      <c r="M62" s="13"/>
      <c r="N62" s="13"/>
      <c r="O62" s="14"/>
      <c r="P62" s="12"/>
      <c r="Q62" s="52"/>
      <c r="R62" s="18"/>
    </row>
    <row r="63" spans="1:37" x14ac:dyDescent="0.2">
      <c r="A63" s="59"/>
      <c r="B63" s="21"/>
      <c r="C63" s="26"/>
      <c r="D63" s="23"/>
      <c r="E63" s="24"/>
      <c r="F63" s="25"/>
      <c r="G63" s="23"/>
      <c r="H63" s="23"/>
      <c r="I63" s="23"/>
      <c r="J63" s="24"/>
      <c r="K63" s="25"/>
      <c r="L63" s="23"/>
      <c r="M63" s="23"/>
      <c r="N63" s="23"/>
      <c r="O63" s="24"/>
      <c r="P63" s="22"/>
      <c r="Q63" s="53"/>
      <c r="R63" s="27"/>
    </row>
    <row r="64" spans="1:37" x14ac:dyDescent="0.2">
      <c r="A64" s="60"/>
      <c r="B64" s="2"/>
      <c r="C64" s="7"/>
      <c r="D64" s="4"/>
      <c r="E64" s="5"/>
      <c r="F64" s="6"/>
      <c r="G64" s="4"/>
      <c r="H64" s="4"/>
      <c r="I64" s="4"/>
      <c r="J64" s="5"/>
      <c r="K64" s="6"/>
      <c r="L64" s="4"/>
      <c r="M64" s="4"/>
      <c r="N64" s="4"/>
      <c r="O64" s="5"/>
      <c r="P64" s="3"/>
      <c r="Q64" s="51"/>
      <c r="R64" s="8"/>
    </row>
    <row r="65" spans="1:18" x14ac:dyDescent="0.2">
      <c r="A65" s="58"/>
      <c r="B65" s="11"/>
      <c r="C65" s="17"/>
      <c r="D65" s="13"/>
      <c r="E65" s="14"/>
      <c r="F65" s="15"/>
      <c r="G65" s="13"/>
      <c r="H65" s="13"/>
      <c r="I65" s="13"/>
      <c r="J65" s="14"/>
      <c r="K65" s="15"/>
      <c r="L65" s="13"/>
      <c r="M65" s="13"/>
      <c r="N65" s="13"/>
      <c r="O65" s="14"/>
      <c r="P65" s="12"/>
      <c r="Q65" s="52"/>
      <c r="R65" s="18"/>
    </row>
    <row r="66" spans="1:18" x14ac:dyDescent="0.2">
      <c r="A66" s="58"/>
      <c r="B66" s="11"/>
      <c r="C66" s="17"/>
      <c r="D66" s="13"/>
      <c r="E66" s="14"/>
      <c r="F66" s="15"/>
      <c r="G66" s="13"/>
      <c r="H66" s="13"/>
      <c r="I66" s="13"/>
      <c r="J66" s="14"/>
      <c r="K66" s="15"/>
      <c r="L66" s="13"/>
      <c r="M66" s="13"/>
      <c r="N66" s="13"/>
      <c r="O66" s="14"/>
      <c r="P66" s="12"/>
      <c r="Q66" s="52"/>
      <c r="R66" s="18"/>
    </row>
    <row r="67" spans="1:18" x14ac:dyDescent="0.2">
      <c r="A67" s="58"/>
      <c r="B67" s="11"/>
      <c r="C67" s="17"/>
      <c r="D67" s="13"/>
      <c r="E67" s="14"/>
      <c r="F67" s="15"/>
      <c r="G67" s="13"/>
      <c r="H67" s="13"/>
      <c r="I67" s="13"/>
      <c r="J67" s="14"/>
      <c r="K67" s="15"/>
      <c r="L67" s="13"/>
      <c r="M67" s="13"/>
      <c r="N67" s="13"/>
      <c r="O67" s="14"/>
      <c r="P67" s="12"/>
      <c r="Q67" s="52"/>
      <c r="R67" s="18"/>
    </row>
    <row r="68" spans="1:18" x14ac:dyDescent="0.2">
      <c r="A68" s="59"/>
      <c r="B68" s="21"/>
      <c r="C68" s="26"/>
      <c r="D68" s="23"/>
      <c r="E68" s="24"/>
      <c r="F68" s="25"/>
      <c r="G68" s="23"/>
      <c r="H68" s="23"/>
      <c r="I68" s="23"/>
      <c r="J68" s="24"/>
      <c r="K68" s="25"/>
      <c r="L68" s="23"/>
      <c r="M68" s="23"/>
      <c r="N68" s="23"/>
      <c r="O68" s="24"/>
      <c r="P68" s="22"/>
      <c r="Q68" s="53"/>
      <c r="R68" s="27"/>
    </row>
  </sheetData>
  <mergeCells count="16">
    <mergeCell ref="T1:AK1"/>
    <mergeCell ref="T2:T3"/>
    <mergeCell ref="U2:U3"/>
    <mergeCell ref="V2:V3"/>
    <mergeCell ref="W2:AH2"/>
    <mergeCell ref="AI2:AI3"/>
    <mergeCell ref="AJ2:AJ3"/>
    <mergeCell ref="AK2:AK3"/>
    <mergeCell ref="A1:R1"/>
    <mergeCell ref="A2:A3"/>
    <mergeCell ref="B2:B3"/>
    <mergeCell ref="C2:C3"/>
    <mergeCell ref="D2:O2"/>
    <mergeCell ref="P2:P3"/>
    <mergeCell ref="Q2:Q3"/>
    <mergeCell ref="R2:R3"/>
  </mergeCells>
  <printOptions horizontalCentered="1"/>
  <pageMargins left="0.15" right="0.15" top="0.75" bottom="0.25" header="0.55000000000000004" footer="0.05"/>
  <pageSetup paperSize="3" scale="95" fitToHeight="40" orientation="portrait" r:id="rId1"/>
  <headerFooter scaleWithDoc="0" alignWithMargins="0">
    <oddHeader>&amp;L&amp;12San Mateo - Hayward Br (Br #35-0054)&amp;C&amp;"-,Bold"&amp;12Defect Schedule&amp;R&amp;12&amp;D</oddHeader>
    <oddFooter>&amp;R&amp;10&amp;P/&amp;N</oddFooter>
  </headerFooter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50F13D7-00E6-4A1A-BDD0-0E439DADF182}">
  <sheetPr>
    <pageSetUpPr fitToPage="1"/>
  </sheetPr>
  <dimension ref="A1:AK67"/>
  <sheetViews>
    <sheetView view="pageBreakPreview" zoomScaleNormal="130" zoomScaleSheetLayoutView="100" workbookViewId="0">
      <selection sqref="A1:R1"/>
    </sheetView>
  </sheetViews>
  <sheetFormatPr defaultColWidth="8.7109375" defaultRowHeight="11.25" x14ac:dyDescent="0.2"/>
  <cols>
    <col min="1" max="1" width="5.42578125" style="81" customWidth="1"/>
    <col min="2" max="3" width="4.140625" style="75" customWidth="1"/>
    <col min="4" max="4" width="3.7109375" style="82" customWidth="1"/>
    <col min="5" max="5" width="3.7109375" style="83" customWidth="1"/>
    <col min="6" max="6" width="3.7109375" style="84" customWidth="1"/>
    <col min="7" max="9" width="3.7109375" style="82" customWidth="1"/>
    <col min="10" max="10" width="3.7109375" style="83" customWidth="1"/>
    <col min="11" max="11" width="3.7109375" style="84" customWidth="1"/>
    <col min="12" max="14" width="3.7109375" style="82" customWidth="1"/>
    <col min="15" max="15" width="4" style="83" customWidth="1"/>
    <col min="16" max="16" width="3.7109375" style="74" customWidth="1"/>
    <col min="17" max="17" width="3.7109375" style="85" customWidth="1"/>
    <col min="18" max="18" width="3.7109375" style="86" customWidth="1"/>
    <col min="19" max="19" width="3.42578125" style="71" customWidth="1"/>
    <col min="20" max="20" width="5.42578125" style="78" customWidth="1"/>
    <col min="21" max="22" width="4.140625" style="78" customWidth="1"/>
    <col min="23" max="33" width="3.7109375" style="78" customWidth="1"/>
    <col min="34" max="34" width="4" style="78" customWidth="1"/>
    <col min="35" max="37" width="3.7109375" style="78" customWidth="1"/>
    <col min="38" max="38" width="8.7109375" style="78"/>
    <col min="39" max="40" width="2.7109375" style="78" bestFit="1" customWidth="1"/>
    <col min="41" max="41" width="8.7109375" style="78"/>
    <col min="42" max="43" width="2.7109375" style="78" bestFit="1" customWidth="1"/>
    <col min="44" max="16384" width="8.7109375" style="78"/>
  </cols>
  <sheetData>
    <row r="1" spans="1:37" s="75" customFormat="1" ht="12" customHeight="1" x14ac:dyDescent="0.25">
      <c r="A1" s="73" t="s">
        <v>5</v>
      </c>
      <c r="B1" s="73"/>
      <c r="C1" s="73"/>
      <c r="D1" s="73"/>
      <c r="E1" s="73"/>
      <c r="F1" s="73"/>
      <c r="G1" s="73"/>
      <c r="H1" s="73"/>
      <c r="I1" s="73"/>
      <c r="J1" s="73"/>
      <c r="K1" s="73"/>
      <c r="L1" s="73"/>
      <c r="M1" s="73"/>
      <c r="N1" s="73"/>
      <c r="O1" s="73"/>
      <c r="P1" s="73"/>
      <c r="Q1" s="73"/>
      <c r="R1" s="73"/>
      <c r="S1" s="74"/>
      <c r="T1" s="73" t="s">
        <v>5</v>
      </c>
      <c r="U1" s="73"/>
      <c r="V1" s="73"/>
      <c r="W1" s="73"/>
      <c r="X1" s="73"/>
      <c r="Y1" s="73"/>
      <c r="Z1" s="73"/>
      <c r="AA1" s="73"/>
      <c r="AB1" s="73"/>
      <c r="AC1" s="73"/>
      <c r="AD1" s="73"/>
      <c r="AE1" s="73"/>
      <c r="AF1" s="73"/>
      <c r="AG1" s="73"/>
      <c r="AH1" s="73"/>
      <c r="AI1" s="73"/>
      <c r="AJ1" s="73"/>
      <c r="AK1" s="73"/>
    </row>
    <row r="2" spans="1:37" s="75" customFormat="1" ht="15" customHeight="1" x14ac:dyDescent="0.25">
      <c r="A2" s="76" t="s">
        <v>1103</v>
      </c>
      <c r="B2" s="76" t="s">
        <v>1104</v>
      </c>
      <c r="C2" s="73" t="s">
        <v>6</v>
      </c>
      <c r="D2" s="73" t="s">
        <v>260</v>
      </c>
      <c r="E2" s="73"/>
      <c r="F2" s="73"/>
      <c r="G2" s="73"/>
      <c r="H2" s="73"/>
      <c r="I2" s="73"/>
      <c r="J2" s="73"/>
      <c r="K2" s="73"/>
      <c r="L2" s="73"/>
      <c r="M2" s="73"/>
      <c r="N2" s="73"/>
      <c r="O2" s="73"/>
      <c r="P2" s="73" t="s">
        <v>7</v>
      </c>
      <c r="Q2" s="72" t="s">
        <v>8</v>
      </c>
      <c r="R2" s="72" t="s">
        <v>1105</v>
      </c>
      <c r="S2" s="74"/>
      <c r="T2" s="76" t="s">
        <v>1103</v>
      </c>
      <c r="U2" s="76" t="s">
        <v>1104</v>
      </c>
      <c r="V2" s="73" t="s">
        <v>6</v>
      </c>
      <c r="W2" s="73" t="s">
        <v>260</v>
      </c>
      <c r="X2" s="73"/>
      <c r="Y2" s="73"/>
      <c r="Z2" s="73"/>
      <c r="AA2" s="73"/>
      <c r="AB2" s="73"/>
      <c r="AC2" s="73"/>
      <c r="AD2" s="73"/>
      <c r="AE2" s="73"/>
      <c r="AF2" s="73"/>
      <c r="AG2" s="73"/>
      <c r="AH2" s="73"/>
      <c r="AI2" s="73" t="s">
        <v>7</v>
      </c>
      <c r="AJ2" s="72" t="s">
        <v>8</v>
      </c>
      <c r="AK2" s="72" t="s">
        <v>1105</v>
      </c>
    </row>
    <row r="3" spans="1:37" ht="25.5" customHeight="1" x14ac:dyDescent="0.2">
      <c r="A3" s="76"/>
      <c r="B3" s="76"/>
      <c r="C3" s="73"/>
      <c r="D3" s="77">
        <v>12</v>
      </c>
      <c r="E3" s="77">
        <v>11</v>
      </c>
      <c r="F3" s="77">
        <v>10</v>
      </c>
      <c r="G3" s="77">
        <v>9</v>
      </c>
      <c r="H3" s="77">
        <v>8</v>
      </c>
      <c r="I3" s="77">
        <v>7</v>
      </c>
      <c r="J3" s="77">
        <v>6</v>
      </c>
      <c r="K3" s="77">
        <v>5</v>
      </c>
      <c r="L3" s="77">
        <v>4</v>
      </c>
      <c r="M3" s="77">
        <v>3</v>
      </c>
      <c r="N3" s="77">
        <v>2</v>
      </c>
      <c r="O3" s="77">
        <v>1</v>
      </c>
      <c r="P3" s="73"/>
      <c r="Q3" s="72"/>
      <c r="R3" s="72"/>
      <c r="T3" s="76"/>
      <c r="U3" s="76"/>
      <c r="V3" s="73"/>
      <c r="W3" s="77">
        <v>12</v>
      </c>
      <c r="X3" s="77">
        <v>11</v>
      </c>
      <c r="Y3" s="77">
        <v>10</v>
      </c>
      <c r="Z3" s="77">
        <v>9</v>
      </c>
      <c r="AA3" s="77">
        <v>8</v>
      </c>
      <c r="AB3" s="77">
        <v>7</v>
      </c>
      <c r="AC3" s="77">
        <v>6</v>
      </c>
      <c r="AD3" s="77">
        <v>5</v>
      </c>
      <c r="AE3" s="77">
        <v>4</v>
      </c>
      <c r="AF3" s="77">
        <v>3</v>
      </c>
      <c r="AG3" s="77">
        <v>2</v>
      </c>
      <c r="AH3" s="77">
        <v>1</v>
      </c>
      <c r="AI3" s="73"/>
      <c r="AJ3" s="72"/>
      <c r="AK3" s="72"/>
    </row>
    <row r="4" spans="1:37" x14ac:dyDescent="0.2">
      <c r="A4" s="63" t="s">
        <v>182</v>
      </c>
      <c r="B4" s="44" t="s">
        <v>259</v>
      </c>
      <c r="C4" s="49"/>
      <c r="D4" s="46"/>
      <c r="E4" s="47"/>
      <c r="F4" s="48"/>
      <c r="G4" s="46"/>
      <c r="H4" s="46"/>
      <c r="I4" s="46"/>
      <c r="J4" s="47"/>
      <c r="K4" s="48"/>
      <c r="L4" s="46"/>
      <c r="M4" s="46"/>
      <c r="N4" s="46"/>
      <c r="O4" s="47" t="s">
        <v>0</v>
      </c>
      <c r="P4" s="49"/>
      <c r="Q4" s="56">
        <v>4</v>
      </c>
      <c r="R4" s="50" t="s">
        <v>259</v>
      </c>
      <c r="T4" s="63" t="s">
        <v>396</v>
      </c>
      <c r="U4" s="44">
        <v>49</v>
      </c>
      <c r="V4" s="49"/>
      <c r="W4" s="46"/>
      <c r="X4" s="47"/>
      <c r="Y4" s="48"/>
      <c r="Z4" s="46"/>
      <c r="AA4" s="46"/>
      <c r="AB4" s="46"/>
      <c r="AC4" s="47"/>
      <c r="AD4" s="48"/>
      <c r="AE4" s="46"/>
      <c r="AF4" s="46"/>
      <c r="AG4" s="46"/>
      <c r="AH4" s="47"/>
      <c r="AI4" s="49"/>
      <c r="AJ4" s="56"/>
      <c r="AK4" s="50"/>
    </row>
    <row r="5" spans="1:37" x14ac:dyDescent="0.2">
      <c r="A5" s="58" t="s">
        <v>428</v>
      </c>
      <c r="B5" s="10">
        <v>31</v>
      </c>
      <c r="C5" s="12"/>
      <c r="D5" s="13"/>
      <c r="E5" s="14"/>
      <c r="F5" s="15"/>
      <c r="G5" s="13"/>
      <c r="H5" s="13"/>
      <c r="I5" s="13"/>
      <c r="J5" s="14"/>
      <c r="K5" s="15"/>
      <c r="L5" s="13"/>
      <c r="M5" s="13"/>
      <c r="N5" s="13"/>
      <c r="O5" s="14"/>
      <c r="P5" s="12"/>
      <c r="Q5" s="52"/>
      <c r="R5" s="18"/>
      <c r="T5" s="58" t="s">
        <v>395</v>
      </c>
      <c r="U5" s="10">
        <v>32</v>
      </c>
      <c r="V5" s="12"/>
      <c r="W5" s="13"/>
      <c r="X5" s="14"/>
      <c r="Y5" s="15"/>
      <c r="Z5" s="13"/>
      <c r="AA5" s="13"/>
      <c r="AB5" s="13"/>
      <c r="AC5" s="14"/>
      <c r="AD5" s="15"/>
      <c r="AE5" s="13"/>
      <c r="AF5" s="13"/>
      <c r="AG5" s="13"/>
      <c r="AH5" s="14"/>
      <c r="AI5" s="12"/>
      <c r="AJ5" s="52"/>
      <c r="AK5" s="18"/>
    </row>
    <row r="6" spans="1:37" x14ac:dyDescent="0.2">
      <c r="A6" s="58" t="s">
        <v>183</v>
      </c>
      <c r="B6" s="10" t="s">
        <v>259</v>
      </c>
      <c r="C6" s="12"/>
      <c r="D6" s="13"/>
      <c r="E6" s="14"/>
      <c r="F6" s="15"/>
      <c r="G6" s="13"/>
      <c r="H6" s="13"/>
      <c r="I6" s="13"/>
      <c r="J6" s="14"/>
      <c r="K6" s="15"/>
      <c r="L6" s="13"/>
      <c r="M6" s="13" t="s">
        <v>0</v>
      </c>
      <c r="N6" s="13"/>
      <c r="O6" s="14"/>
      <c r="P6" s="12"/>
      <c r="Q6" s="52">
        <v>4</v>
      </c>
      <c r="R6" s="18" t="s">
        <v>259</v>
      </c>
      <c r="T6" s="58" t="s">
        <v>394</v>
      </c>
      <c r="U6" s="10">
        <v>22</v>
      </c>
      <c r="V6" s="12"/>
      <c r="W6" s="13"/>
      <c r="X6" s="14"/>
      <c r="Y6" s="15"/>
      <c r="Z6" s="13"/>
      <c r="AA6" s="13"/>
      <c r="AB6" s="13"/>
      <c r="AC6" s="14"/>
      <c r="AD6" s="15"/>
      <c r="AE6" s="13"/>
      <c r="AF6" s="13"/>
      <c r="AG6" s="13"/>
      <c r="AH6" s="14"/>
      <c r="AI6" s="12"/>
      <c r="AJ6" s="52"/>
      <c r="AK6" s="18"/>
    </row>
    <row r="7" spans="1:37" x14ac:dyDescent="0.2">
      <c r="A7" s="58" t="s">
        <v>427</v>
      </c>
      <c r="B7" s="10">
        <v>44</v>
      </c>
      <c r="C7" s="12"/>
      <c r="D7" s="13"/>
      <c r="E7" s="14"/>
      <c r="F7" s="15"/>
      <c r="G7" s="13"/>
      <c r="H7" s="13"/>
      <c r="I7" s="13"/>
      <c r="J7" s="14"/>
      <c r="K7" s="15"/>
      <c r="L7" s="13"/>
      <c r="M7" s="13"/>
      <c r="N7" s="13"/>
      <c r="O7" s="14"/>
      <c r="P7" s="12"/>
      <c r="Q7" s="52"/>
      <c r="R7" s="18"/>
      <c r="T7" s="58" t="s">
        <v>393</v>
      </c>
      <c r="U7" s="10">
        <v>31</v>
      </c>
      <c r="V7" s="17"/>
      <c r="W7" s="13"/>
      <c r="X7" s="14"/>
      <c r="Y7" s="15"/>
      <c r="Z7" s="13"/>
      <c r="AA7" s="13"/>
      <c r="AB7" s="13"/>
      <c r="AC7" s="14"/>
      <c r="AD7" s="15"/>
      <c r="AE7" s="13"/>
      <c r="AF7" s="13"/>
      <c r="AG7" s="13"/>
      <c r="AH7" s="14"/>
      <c r="AI7" s="12"/>
      <c r="AJ7" s="52"/>
      <c r="AK7" s="18"/>
    </row>
    <row r="8" spans="1:37" x14ac:dyDescent="0.2">
      <c r="A8" s="59" t="s">
        <v>426</v>
      </c>
      <c r="B8" s="20">
        <v>44</v>
      </c>
      <c r="C8" s="22"/>
      <c r="D8" s="23"/>
      <c r="E8" s="24"/>
      <c r="F8" s="25"/>
      <c r="G8" s="23"/>
      <c r="H8" s="23"/>
      <c r="I8" s="23"/>
      <c r="J8" s="24"/>
      <c r="K8" s="25"/>
      <c r="L8" s="23"/>
      <c r="M8" s="23"/>
      <c r="N8" s="23"/>
      <c r="O8" s="24"/>
      <c r="P8" s="22"/>
      <c r="Q8" s="53"/>
      <c r="R8" s="27"/>
      <c r="T8" s="59" t="s">
        <v>392</v>
      </c>
      <c r="U8" s="20">
        <v>27</v>
      </c>
      <c r="V8" s="22"/>
      <c r="W8" s="23"/>
      <c r="X8" s="24"/>
      <c r="Y8" s="25"/>
      <c r="Z8" s="23"/>
      <c r="AA8" s="23"/>
      <c r="AB8" s="23"/>
      <c r="AC8" s="24"/>
      <c r="AD8" s="25"/>
      <c r="AE8" s="23"/>
      <c r="AF8" s="23"/>
      <c r="AG8" s="23"/>
      <c r="AH8" s="24"/>
      <c r="AI8" s="22"/>
      <c r="AJ8" s="53"/>
      <c r="AK8" s="27"/>
    </row>
    <row r="9" spans="1:37" x14ac:dyDescent="0.2">
      <c r="A9" s="60" t="s">
        <v>425</v>
      </c>
      <c r="B9" s="1">
        <v>31</v>
      </c>
      <c r="C9" s="3"/>
      <c r="D9" s="4"/>
      <c r="E9" s="5"/>
      <c r="F9" s="6"/>
      <c r="G9" s="4"/>
      <c r="H9" s="4"/>
      <c r="I9" s="4"/>
      <c r="J9" s="5"/>
      <c r="K9" s="6"/>
      <c r="L9" s="4"/>
      <c r="M9" s="4"/>
      <c r="N9" s="4"/>
      <c r="O9" s="5"/>
      <c r="P9" s="3"/>
      <c r="Q9" s="51"/>
      <c r="R9" s="8"/>
      <c r="T9" s="60" t="s">
        <v>391</v>
      </c>
      <c r="U9" s="1">
        <v>32</v>
      </c>
      <c r="V9" s="7"/>
      <c r="W9" s="4"/>
      <c r="X9" s="5"/>
      <c r="Y9" s="6"/>
      <c r="Z9" s="4"/>
      <c r="AA9" s="4"/>
      <c r="AB9" s="4"/>
      <c r="AC9" s="5"/>
      <c r="AD9" s="6"/>
      <c r="AE9" s="4"/>
      <c r="AF9" s="4"/>
      <c r="AG9" s="4"/>
      <c r="AH9" s="5"/>
      <c r="AI9" s="3"/>
      <c r="AJ9" s="51"/>
      <c r="AK9" s="8"/>
    </row>
    <row r="10" spans="1:37" x14ac:dyDescent="0.2">
      <c r="A10" s="58" t="s">
        <v>184</v>
      </c>
      <c r="B10" s="10" t="s">
        <v>259</v>
      </c>
      <c r="C10" s="12"/>
      <c r="D10" s="13"/>
      <c r="E10" s="14"/>
      <c r="F10" s="15"/>
      <c r="G10" s="13"/>
      <c r="H10" s="13"/>
      <c r="I10" s="13" t="s">
        <v>1</v>
      </c>
      <c r="J10" s="14"/>
      <c r="K10" s="15"/>
      <c r="L10" s="13"/>
      <c r="M10" s="13"/>
      <c r="N10" s="13"/>
      <c r="O10" s="14"/>
      <c r="P10" s="12"/>
      <c r="Q10" s="52">
        <v>4</v>
      </c>
      <c r="R10" s="18" t="s">
        <v>259</v>
      </c>
      <c r="T10" s="58" t="s">
        <v>390</v>
      </c>
      <c r="U10" s="10">
        <v>18</v>
      </c>
      <c r="V10" s="12"/>
      <c r="W10" s="13"/>
      <c r="X10" s="14"/>
      <c r="Y10" s="15"/>
      <c r="Z10" s="13"/>
      <c r="AA10" s="13"/>
      <c r="AB10" s="13"/>
      <c r="AC10" s="14"/>
      <c r="AD10" s="15"/>
      <c r="AE10" s="13"/>
      <c r="AF10" s="13"/>
      <c r="AG10" s="13"/>
      <c r="AH10" s="14"/>
      <c r="AI10" s="12"/>
      <c r="AJ10" s="52"/>
      <c r="AK10" s="18"/>
    </row>
    <row r="11" spans="1:37" x14ac:dyDescent="0.2">
      <c r="A11" s="58" t="s">
        <v>424</v>
      </c>
      <c r="B11" s="10">
        <v>50</v>
      </c>
      <c r="C11" s="17"/>
      <c r="D11" s="13"/>
      <c r="E11" s="14"/>
      <c r="F11" s="15"/>
      <c r="G11" s="13"/>
      <c r="H11" s="13"/>
      <c r="I11" s="13"/>
      <c r="J11" s="14"/>
      <c r="K11" s="15"/>
      <c r="L11" s="13"/>
      <c r="M11" s="13"/>
      <c r="N11" s="13"/>
      <c r="O11" s="14"/>
      <c r="P11" s="12"/>
      <c r="Q11" s="52"/>
      <c r="R11" s="18"/>
      <c r="T11" s="58" t="s">
        <v>196</v>
      </c>
      <c r="U11" s="10" t="s">
        <v>259</v>
      </c>
      <c r="V11" s="12"/>
      <c r="W11" s="13"/>
      <c r="X11" s="14"/>
      <c r="Y11" s="15"/>
      <c r="Z11" s="13"/>
      <c r="AA11" s="13"/>
      <c r="AB11" s="13"/>
      <c r="AC11" s="14"/>
      <c r="AD11" s="15"/>
      <c r="AE11" s="13" t="s">
        <v>0</v>
      </c>
      <c r="AF11" s="13"/>
      <c r="AG11" s="13"/>
      <c r="AH11" s="14"/>
      <c r="AI11" s="12"/>
      <c r="AJ11" s="52">
        <v>4</v>
      </c>
      <c r="AK11" s="18" t="s">
        <v>259</v>
      </c>
    </row>
    <row r="12" spans="1:37" x14ac:dyDescent="0.2">
      <c r="A12" s="58">
        <v>975</v>
      </c>
      <c r="B12" s="10" t="s">
        <v>259</v>
      </c>
      <c r="C12" s="12"/>
      <c r="D12" s="13"/>
      <c r="E12" s="14"/>
      <c r="F12" s="15"/>
      <c r="G12" s="13"/>
      <c r="H12" s="13"/>
      <c r="I12" s="13" t="s">
        <v>2</v>
      </c>
      <c r="J12" s="14"/>
      <c r="K12" s="15"/>
      <c r="L12" s="13"/>
      <c r="M12" s="13"/>
      <c r="N12" s="13"/>
      <c r="O12" s="14"/>
      <c r="P12" s="12"/>
      <c r="Q12" s="52" t="s">
        <v>259</v>
      </c>
      <c r="R12" s="18">
        <v>4</v>
      </c>
      <c r="T12" s="58" t="s">
        <v>389</v>
      </c>
      <c r="U12" s="10">
        <v>44</v>
      </c>
      <c r="V12" s="12"/>
      <c r="W12" s="13"/>
      <c r="X12" s="14"/>
      <c r="Y12" s="15"/>
      <c r="Z12" s="13"/>
      <c r="AA12" s="13"/>
      <c r="AB12" s="13"/>
      <c r="AC12" s="14"/>
      <c r="AD12" s="15"/>
      <c r="AE12" s="13"/>
      <c r="AF12" s="13"/>
      <c r="AG12" s="13"/>
      <c r="AH12" s="14"/>
      <c r="AI12" s="12"/>
      <c r="AJ12" s="52"/>
      <c r="AK12" s="18"/>
    </row>
    <row r="13" spans="1:37" x14ac:dyDescent="0.2">
      <c r="A13" s="59" t="s">
        <v>423</v>
      </c>
      <c r="B13" s="20">
        <v>27</v>
      </c>
      <c r="C13" s="22"/>
      <c r="D13" s="23"/>
      <c r="E13" s="24"/>
      <c r="F13" s="25"/>
      <c r="G13" s="23"/>
      <c r="H13" s="23"/>
      <c r="I13" s="23"/>
      <c r="J13" s="24"/>
      <c r="K13" s="25"/>
      <c r="L13" s="23"/>
      <c r="M13" s="23"/>
      <c r="N13" s="23"/>
      <c r="O13" s="24"/>
      <c r="P13" s="22"/>
      <c r="Q13" s="53"/>
      <c r="R13" s="27"/>
      <c r="T13" s="59" t="s">
        <v>388</v>
      </c>
      <c r="U13" s="20">
        <v>36</v>
      </c>
      <c r="V13" s="22"/>
      <c r="W13" s="23"/>
      <c r="X13" s="24"/>
      <c r="Y13" s="25"/>
      <c r="Z13" s="23"/>
      <c r="AA13" s="23"/>
      <c r="AB13" s="23"/>
      <c r="AC13" s="24"/>
      <c r="AD13" s="25"/>
      <c r="AE13" s="23"/>
      <c r="AF13" s="23"/>
      <c r="AG13" s="23"/>
      <c r="AH13" s="24"/>
      <c r="AI13" s="22"/>
      <c r="AJ13" s="53"/>
      <c r="AK13" s="27"/>
    </row>
    <row r="14" spans="1:37" x14ac:dyDescent="0.2">
      <c r="A14" s="60" t="s">
        <v>185</v>
      </c>
      <c r="B14" s="1" t="s">
        <v>259</v>
      </c>
      <c r="C14" s="3"/>
      <c r="D14" s="4"/>
      <c r="E14" s="5"/>
      <c r="F14" s="6"/>
      <c r="G14" s="4"/>
      <c r="H14" s="4"/>
      <c r="I14" s="4"/>
      <c r="J14" s="5"/>
      <c r="K14" s="6"/>
      <c r="L14" s="4"/>
      <c r="M14" s="4" t="s">
        <v>0</v>
      </c>
      <c r="N14" s="4"/>
      <c r="O14" s="5"/>
      <c r="P14" s="3"/>
      <c r="Q14" s="51">
        <v>4</v>
      </c>
      <c r="R14" s="8" t="s">
        <v>259</v>
      </c>
      <c r="T14" s="60">
        <v>1012</v>
      </c>
      <c r="U14" s="1" t="s">
        <v>259</v>
      </c>
      <c r="V14" s="3"/>
      <c r="W14" s="4"/>
      <c r="X14" s="5"/>
      <c r="Y14" s="6"/>
      <c r="Z14" s="4"/>
      <c r="AA14" s="4"/>
      <c r="AB14" s="4"/>
      <c r="AC14" s="5"/>
      <c r="AD14" s="6"/>
      <c r="AE14" s="4"/>
      <c r="AF14" s="4" t="s">
        <v>2</v>
      </c>
      <c r="AG14" s="4"/>
      <c r="AH14" s="5"/>
      <c r="AI14" s="3"/>
      <c r="AJ14" s="51" t="s">
        <v>259</v>
      </c>
      <c r="AK14" s="8">
        <v>4</v>
      </c>
    </row>
    <row r="15" spans="1:37" x14ac:dyDescent="0.2">
      <c r="A15" s="58" t="s">
        <v>422</v>
      </c>
      <c r="B15" s="10">
        <v>44</v>
      </c>
      <c r="C15" s="12"/>
      <c r="D15" s="13"/>
      <c r="E15" s="14"/>
      <c r="F15" s="15"/>
      <c r="G15" s="13"/>
      <c r="H15" s="13"/>
      <c r="I15" s="13"/>
      <c r="J15" s="14"/>
      <c r="K15" s="15"/>
      <c r="L15" s="13"/>
      <c r="M15" s="13"/>
      <c r="N15" s="13"/>
      <c r="O15" s="14"/>
      <c r="P15" s="12"/>
      <c r="Q15" s="52"/>
      <c r="R15" s="18"/>
      <c r="T15" s="58" t="s">
        <v>387</v>
      </c>
      <c r="U15" s="10">
        <v>72</v>
      </c>
      <c r="V15" s="12"/>
      <c r="W15" s="13"/>
      <c r="X15" s="14"/>
      <c r="Y15" s="15"/>
      <c r="Z15" s="13"/>
      <c r="AA15" s="13"/>
      <c r="AB15" s="13"/>
      <c r="AC15" s="14"/>
      <c r="AD15" s="15"/>
      <c r="AE15" s="13"/>
      <c r="AF15" s="13"/>
      <c r="AG15" s="13"/>
      <c r="AH15" s="14"/>
      <c r="AI15" s="12"/>
      <c r="AJ15" s="52"/>
      <c r="AK15" s="18"/>
    </row>
    <row r="16" spans="1:37" x14ac:dyDescent="0.2">
      <c r="A16" s="58" t="s">
        <v>186</v>
      </c>
      <c r="B16" s="10" t="s">
        <v>259</v>
      </c>
      <c r="C16" s="12"/>
      <c r="D16" s="13"/>
      <c r="E16" s="14"/>
      <c r="F16" s="15"/>
      <c r="G16" s="13"/>
      <c r="H16" s="13"/>
      <c r="I16" s="13"/>
      <c r="J16" s="14"/>
      <c r="K16" s="15"/>
      <c r="L16" s="13"/>
      <c r="M16" s="13" t="s">
        <v>0</v>
      </c>
      <c r="N16" s="13"/>
      <c r="O16" s="14"/>
      <c r="P16" s="12"/>
      <c r="Q16" s="52">
        <v>4</v>
      </c>
      <c r="R16" s="18" t="s">
        <v>259</v>
      </c>
      <c r="T16" s="58" t="s">
        <v>386</v>
      </c>
      <c r="U16" s="10">
        <v>27</v>
      </c>
      <c r="V16" s="12"/>
      <c r="W16" s="13"/>
      <c r="X16" s="14"/>
      <c r="Y16" s="15"/>
      <c r="Z16" s="13"/>
      <c r="AA16" s="13"/>
      <c r="AB16" s="13"/>
      <c r="AC16" s="14"/>
      <c r="AD16" s="15"/>
      <c r="AE16" s="13"/>
      <c r="AF16" s="13"/>
      <c r="AG16" s="13"/>
      <c r="AH16" s="14"/>
      <c r="AI16" s="12"/>
      <c r="AJ16" s="52"/>
      <c r="AK16" s="18"/>
    </row>
    <row r="17" spans="1:37" x14ac:dyDescent="0.2">
      <c r="A17" s="58" t="s">
        <v>421</v>
      </c>
      <c r="B17" s="10">
        <v>40</v>
      </c>
      <c r="C17" s="12"/>
      <c r="D17" s="13"/>
      <c r="E17" s="14"/>
      <c r="F17" s="15"/>
      <c r="G17" s="13"/>
      <c r="H17" s="13"/>
      <c r="I17" s="13"/>
      <c r="J17" s="14"/>
      <c r="K17" s="15"/>
      <c r="L17" s="13"/>
      <c r="M17" s="13"/>
      <c r="N17" s="13"/>
      <c r="O17" s="14"/>
      <c r="P17" s="12"/>
      <c r="Q17" s="52"/>
      <c r="R17" s="18"/>
      <c r="T17" s="58" t="s">
        <v>385</v>
      </c>
      <c r="U17" s="10">
        <v>50</v>
      </c>
      <c r="V17" s="17"/>
      <c r="W17" s="13"/>
      <c r="X17" s="14"/>
      <c r="Y17" s="15"/>
      <c r="Z17" s="13"/>
      <c r="AA17" s="13"/>
      <c r="AB17" s="13"/>
      <c r="AC17" s="14"/>
      <c r="AD17" s="15"/>
      <c r="AE17" s="13"/>
      <c r="AF17" s="13"/>
      <c r="AG17" s="13"/>
      <c r="AH17" s="14"/>
      <c r="AI17" s="12"/>
      <c r="AJ17" s="52"/>
      <c r="AK17" s="18"/>
    </row>
    <row r="18" spans="1:37" x14ac:dyDescent="0.2">
      <c r="A18" s="59" t="s">
        <v>187</v>
      </c>
      <c r="B18" s="20" t="s">
        <v>259</v>
      </c>
      <c r="C18" s="22"/>
      <c r="D18" s="23"/>
      <c r="E18" s="24"/>
      <c r="F18" s="25"/>
      <c r="G18" s="23"/>
      <c r="H18" s="23"/>
      <c r="I18" s="23"/>
      <c r="J18" s="24"/>
      <c r="K18" s="25"/>
      <c r="L18" s="23"/>
      <c r="M18" s="23" t="s">
        <v>0</v>
      </c>
      <c r="N18" s="23"/>
      <c r="O18" s="24"/>
      <c r="P18" s="22"/>
      <c r="Q18" s="53">
        <v>4</v>
      </c>
      <c r="R18" s="27" t="s">
        <v>259</v>
      </c>
      <c r="T18" s="59" t="s">
        <v>384</v>
      </c>
      <c r="U18" s="20">
        <v>31</v>
      </c>
      <c r="V18" s="22"/>
      <c r="W18" s="23"/>
      <c r="X18" s="24"/>
      <c r="Y18" s="25"/>
      <c r="Z18" s="23"/>
      <c r="AA18" s="23"/>
      <c r="AB18" s="23"/>
      <c r="AC18" s="24"/>
      <c r="AD18" s="25"/>
      <c r="AE18" s="23"/>
      <c r="AF18" s="23"/>
      <c r="AG18" s="23"/>
      <c r="AH18" s="24"/>
      <c r="AI18" s="22"/>
      <c r="AJ18" s="53"/>
      <c r="AK18" s="27"/>
    </row>
    <row r="19" spans="1:37" x14ac:dyDescent="0.2">
      <c r="A19" s="60" t="s">
        <v>420</v>
      </c>
      <c r="B19" s="1">
        <v>36</v>
      </c>
      <c r="C19" s="3"/>
      <c r="D19" s="4"/>
      <c r="E19" s="5"/>
      <c r="F19" s="6"/>
      <c r="G19" s="4"/>
      <c r="H19" s="4"/>
      <c r="I19" s="4"/>
      <c r="J19" s="5"/>
      <c r="K19" s="6"/>
      <c r="L19" s="4"/>
      <c r="M19" s="4"/>
      <c r="N19" s="4"/>
      <c r="O19" s="5"/>
      <c r="P19" s="3"/>
      <c r="Q19" s="51"/>
      <c r="R19" s="8"/>
      <c r="T19" s="60" t="s">
        <v>197</v>
      </c>
      <c r="U19" s="1" t="s">
        <v>259</v>
      </c>
      <c r="V19" s="7"/>
      <c r="W19" s="4"/>
      <c r="X19" s="5"/>
      <c r="Y19" s="6"/>
      <c r="Z19" s="4"/>
      <c r="AA19" s="4"/>
      <c r="AB19" s="4"/>
      <c r="AC19" s="5"/>
      <c r="AD19" s="6"/>
      <c r="AE19" s="4"/>
      <c r="AF19" s="4"/>
      <c r="AG19" s="4"/>
      <c r="AH19" s="5" t="s">
        <v>0</v>
      </c>
      <c r="AI19" s="3"/>
      <c r="AJ19" s="51">
        <v>4</v>
      </c>
      <c r="AK19" s="8" t="s">
        <v>259</v>
      </c>
    </row>
    <row r="20" spans="1:37" x14ac:dyDescent="0.2">
      <c r="A20" s="58" t="s">
        <v>419</v>
      </c>
      <c r="B20" s="10">
        <v>36</v>
      </c>
      <c r="C20" s="12"/>
      <c r="D20" s="13"/>
      <c r="E20" s="14"/>
      <c r="F20" s="15"/>
      <c r="G20" s="13"/>
      <c r="H20" s="13"/>
      <c r="I20" s="13"/>
      <c r="J20" s="14"/>
      <c r="K20" s="15"/>
      <c r="L20" s="13"/>
      <c r="M20" s="13"/>
      <c r="N20" s="13"/>
      <c r="O20" s="14"/>
      <c r="P20" s="12"/>
      <c r="Q20" s="52"/>
      <c r="R20" s="18"/>
      <c r="T20" s="58" t="s">
        <v>383</v>
      </c>
      <c r="U20" s="10">
        <v>31</v>
      </c>
      <c r="V20" s="12"/>
      <c r="W20" s="13"/>
      <c r="X20" s="14"/>
      <c r="Y20" s="15"/>
      <c r="Z20" s="13"/>
      <c r="AA20" s="13"/>
      <c r="AB20" s="13"/>
      <c r="AC20" s="14"/>
      <c r="AD20" s="15"/>
      <c r="AE20" s="13"/>
      <c r="AF20" s="13"/>
      <c r="AG20" s="13"/>
      <c r="AH20" s="14"/>
      <c r="AI20" s="12"/>
      <c r="AJ20" s="54"/>
      <c r="AK20" s="18"/>
    </row>
    <row r="21" spans="1:37" x14ac:dyDescent="0.2">
      <c r="A21" s="58" t="s">
        <v>418</v>
      </c>
      <c r="B21" s="10">
        <v>49</v>
      </c>
      <c r="C21" s="12"/>
      <c r="D21" s="13"/>
      <c r="E21" s="14"/>
      <c r="F21" s="15"/>
      <c r="G21" s="13"/>
      <c r="H21" s="13"/>
      <c r="I21" s="13"/>
      <c r="J21" s="14"/>
      <c r="K21" s="15"/>
      <c r="L21" s="13"/>
      <c r="M21" s="13"/>
      <c r="N21" s="13"/>
      <c r="O21" s="14"/>
      <c r="P21" s="12"/>
      <c r="Q21" s="52"/>
      <c r="R21" s="18"/>
      <c r="T21" s="58" t="s">
        <v>382</v>
      </c>
      <c r="U21" s="10">
        <v>36</v>
      </c>
      <c r="V21" s="12"/>
      <c r="W21" s="13"/>
      <c r="X21" s="14"/>
      <c r="Y21" s="15"/>
      <c r="Z21" s="13"/>
      <c r="AA21" s="13"/>
      <c r="AB21" s="13"/>
      <c r="AC21" s="14"/>
      <c r="AD21" s="15"/>
      <c r="AE21" s="13"/>
      <c r="AF21" s="13"/>
      <c r="AG21" s="13"/>
      <c r="AH21" s="14"/>
      <c r="AI21" s="12"/>
      <c r="AJ21" s="54"/>
      <c r="AK21" s="18"/>
    </row>
    <row r="22" spans="1:37" x14ac:dyDescent="0.2">
      <c r="A22" s="58" t="s">
        <v>417</v>
      </c>
      <c r="B22" s="10">
        <v>36</v>
      </c>
      <c r="C22" s="17"/>
      <c r="D22" s="13"/>
      <c r="E22" s="14"/>
      <c r="F22" s="15"/>
      <c r="G22" s="13"/>
      <c r="H22" s="13"/>
      <c r="I22" s="13"/>
      <c r="J22" s="14"/>
      <c r="K22" s="15"/>
      <c r="L22" s="13"/>
      <c r="M22" s="13"/>
      <c r="N22" s="13"/>
      <c r="O22" s="14"/>
      <c r="P22" s="12"/>
      <c r="Q22" s="52"/>
      <c r="R22" s="18"/>
      <c r="T22" s="58">
        <v>1018</v>
      </c>
      <c r="U22" s="10" t="s">
        <v>259</v>
      </c>
      <c r="V22" s="17"/>
      <c r="W22" s="13"/>
      <c r="X22" s="14"/>
      <c r="Y22" s="15"/>
      <c r="Z22" s="13"/>
      <c r="AA22" s="13"/>
      <c r="AB22" s="13"/>
      <c r="AC22" s="14"/>
      <c r="AD22" s="15"/>
      <c r="AE22" s="13"/>
      <c r="AF22" s="13"/>
      <c r="AG22" s="13" t="s">
        <v>2</v>
      </c>
      <c r="AH22" s="14"/>
      <c r="AI22" s="12"/>
      <c r="AJ22" s="52" t="s">
        <v>259</v>
      </c>
      <c r="AK22" s="18">
        <v>4</v>
      </c>
    </row>
    <row r="23" spans="1:37" x14ac:dyDescent="0.2">
      <c r="A23" s="59" t="s">
        <v>188</v>
      </c>
      <c r="B23" s="20" t="s">
        <v>259</v>
      </c>
      <c r="C23" s="22"/>
      <c r="D23" s="23"/>
      <c r="E23" s="24"/>
      <c r="F23" s="25"/>
      <c r="G23" s="23"/>
      <c r="H23" s="23"/>
      <c r="I23" s="23"/>
      <c r="J23" s="24"/>
      <c r="K23" s="25"/>
      <c r="L23" s="23" t="s">
        <v>0</v>
      </c>
      <c r="M23" s="23" t="s">
        <v>0</v>
      </c>
      <c r="N23" s="23"/>
      <c r="O23" s="24"/>
      <c r="P23" s="22"/>
      <c r="Q23" s="53">
        <v>8</v>
      </c>
      <c r="R23" s="27" t="s">
        <v>259</v>
      </c>
      <c r="T23" s="59" t="s">
        <v>381</v>
      </c>
      <c r="U23" s="20">
        <v>40</v>
      </c>
      <c r="V23" s="26"/>
      <c r="W23" s="23"/>
      <c r="X23" s="24"/>
      <c r="Y23" s="25"/>
      <c r="Z23" s="23"/>
      <c r="AA23" s="23"/>
      <c r="AB23" s="23"/>
      <c r="AC23" s="24"/>
      <c r="AD23" s="25"/>
      <c r="AE23" s="23"/>
      <c r="AF23" s="23"/>
      <c r="AG23" s="23"/>
      <c r="AH23" s="24"/>
      <c r="AI23" s="22"/>
      <c r="AJ23" s="55"/>
      <c r="AK23" s="27"/>
    </row>
    <row r="24" spans="1:37" x14ac:dyDescent="0.2">
      <c r="A24" s="60" t="s">
        <v>416</v>
      </c>
      <c r="B24" s="1">
        <v>31</v>
      </c>
      <c r="C24" s="3"/>
      <c r="D24" s="4"/>
      <c r="E24" s="5"/>
      <c r="F24" s="6"/>
      <c r="G24" s="4"/>
      <c r="H24" s="4"/>
      <c r="I24" s="4"/>
      <c r="J24" s="5"/>
      <c r="K24" s="6"/>
      <c r="L24" s="4"/>
      <c r="M24" s="4"/>
      <c r="N24" s="4"/>
      <c r="O24" s="5"/>
      <c r="P24" s="3"/>
      <c r="Q24" s="51"/>
      <c r="R24" s="8"/>
      <c r="T24" s="60" t="s">
        <v>198</v>
      </c>
      <c r="U24" s="1" t="s">
        <v>259</v>
      </c>
      <c r="V24" s="7"/>
      <c r="W24" s="4"/>
      <c r="X24" s="5"/>
      <c r="Y24" s="6"/>
      <c r="Z24" s="4"/>
      <c r="AA24" s="4"/>
      <c r="AB24" s="4"/>
      <c r="AC24" s="5"/>
      <c r="AD24" s="6"/>
      <c r="AE24" s="4"/>
      <c r="AF24" s="4"/>
      <c r="AG24" s="4" t="s">
        <v>0</v>
      </c>
      <c r="AH24" s="5"/>
      <c r="AI24" s="3"/>
      <c r="AJ24" s="51">
        <v>4</v>
      </c>
      <c r="AK24" s="8" t="s">
        <v>259</v>
      </c>
    </row>
    <row r="25" spans="1:37" x14ac:dyDescent="0.2">
      <c r="A25" s="58" t="s">
        <v>190</v>
      </c>
      <c r="B25" s="10" t="s">
        <v>259</v>
      </c>
      <c r="C25" s="12"/>
      <c r="D25" s="13"/>
      <c r="E25" s="14"/>
      <c r="F25" s="15"/>
      <c r="G25" s="13"/>
      <c r="H25" s="13"/>
      <c r="I25" s="13"/>
      <c r="J25" s="14"/>
      <c r="K25" s="15"/>
      <c r="L25" s="13"/>
      <c r="M25" s="13"/>
      <c r="N25" s="13"/>
      <c r="O25" s="14" t="s">
        <v>0</v>
      </c>
      <c r="P25" s="12"/>
      <c r="Q25" s="52">
        <v>4</v>
      </c>
      <c r="R25" s="18" t="s">
        <v>259</v>
      </c>
      <c r="T25" s="58" t="s">
        <v>380</v>
      </c>
      <c r="U25" s="10">
        <v>22</v>
      </c>
      <c r="V25" s="12"/>
      <c r="W25" s="13"/>
      <c r="X25" s="14"/>
      <c r="Y25" s="15"/>
      <c r="Z25" s="13"/>
      <c r="AA25" s="13"/>
      <c r="AB25" s="13"/>
      <c r="AC25" s="14"/>
      <c r="AD25" s="15"/>
      <c r="AE25" s="13"/>
      <c r="AF25" s="13"/>
      <c r="AG25" s="13"/>
      <c r="AH25" s="14"/>
      <c r="AI25" s="12"/>
      <c r="AJ25" s="54"/>
      <c r="AK25" s="18"/>
    </row>
    <row r="26" spans="1:37" x14ac:dyDescent="0.2">
      <c r="A26" s="58" t="s">
        <v>189</v>
      </c>
      <c r="B26" s="10" t="s">
        <v>259</v>
      </c>
      <c r="C26" s="12"/>
      <c r="D26" s="13"/>
      <c r="E26" s="14"/>
      <c r="F26" s="15"/>
      <c r="G26" s="13"/>
      <c r="H26" s="13"/>
      <c r="I26" s="13"/>
      <c r="J26" s="14"/>
      <c r="K26" s="15"/>
      <c r="L26" s="13" t="s">
        <v>0</v>
      </c>
      <c r="M26" s="13"/>
      <c r="N26" s="13"/>
      <c r="O26" s="14"/>
      <c r="P26" s="12"/>
      <c r="Q26" s="52">
        <v>5</v>
      </c>
      <c r="R26" s="18" t="s">
        <v>259</v>
      </c>
      <c r="T26" s="58" t="s">
        <v>199</v>
      </c>
      <c r="U26" s="10" t="s">
        <v>259</v>
      </c>
      <c r="V26" s="17"/>
      <c r="W26" s="13"/>
      <c r="X26" s="14"/>
      <c r="Y26" s="15"/>
      <c r="Z26" s="13"/>
      <c r="AA26" s="13"/>
      <c r="AB26" s="13"/>
      <c r="AC26" s="14"/>
      <c r="AD26" s="15"/>
      <c r="AE26" s="13"/>
      <c r="AF26" s="13"/>
      <c r="AG26" s="13"/>
      <c r="AH26" s="14" t="s">
        <v>0</v>
      </c>
      <c r="AI26" s="12"/>
      <c r="AJ26" s="52">
        <v>4</v>
      </c>
      <c r="AK26" s="18" t="s">
        <v>259</v>
      </c>
    </row>
    <row r="27" spans="1:37" x14ac:dyDescent="0.2">
      <c r="A27" s="58" t="s">
        <v>415</v>
      </c>
      <c r="B27" s="10">
        <v>36</v>
      </c>
      <c r="C27" s="12"/>
      <c r="D27" s="13"/>
      <c r="E27" s="14"/>
      <c r="F27" s="15"/>
      <c r="G27" s="13"/>
      <c r="H27" s="13"/>
      <c r="I27" s="13"/>
      <c r="J27" s="14"/>
      <c r="K27" s="15"/>
      <c r="L27" s="13"/>
      <c r="M27" s="13"/>
      <c r="N27" s="13"/>
      <c r="O27" s="14"/>
      <c r="P27" s="12"/>
      <c r="Q27" s="52"/>
      <c r="R27" s="18"/>
      <c r="T27" s="58" t="s">
        <v>379</v>
      </c>
      <c r="U27" s="10">
        <v>44</v>
      </c>
      <c r="V27" s="17"/>
      <c r="W27" s="34"/>
      <c r="X27" s="35"/>
      <c r="Y27" s="15"/>
      <c r="Z27" s="13"/>
      <c r="AA27" s="13"/>
      <c r="AB27" s="13"/>
      <c r="AC27" s="14"/>
      <c r="AD27" s="15"/>
      <c r="AE27" s="13"/>
      <c r="AF27" s="13"/>
      <c r="AG27" s="13"/>
      <c r="AH27" s="14"/>
      <c r="AI27" s="12"/>
      <c r="AJ27" s="52"/>
      <c r="AK27" s="18"/>
    </row>
    <row r="28" spans="1:37" x14ac:dyDescent="0.2">
      <c r="A28" s="59" t="s">
        <v>414</v>
      </c>
      <c r="B28" s="20">
        <v>44</v>
      </c>
      <c r="C28" s="22"/>
      <c r="D28" s="23"/>
      <c r="E28" s="24"/>
      <c r="F28" s="25"/>
      <c r="G28" s="23"/>
      <c r="H28" s="23"/>
      <c r="I28" s="23"/>
      <c r="J28" s="24"/>
      <c r="K28" s="25"/>
      <c r="L28" s="23"/>
      <c r="M28" s="23"/>
      <c r="N28" s="23"/>
      <c r="O28" s="24"/>
      <c r="P28" s="22"/>
      <c r="Q28" s="53"/>
      <c r="R28" s="27"/>
      <c r="T28" s="59" t="s">
        <v>200</v>
      </c>
      <c r="U28" s="20" t="s">
        <v>259</v>
      </c>
      <c r="V28" s="26"/>
      <c r="W28" s="37"/>
      <c r="X28" s="38"/>
      <c r="Y28" s="39"/>
      <c r="Z28" s="37"/>
      <c r="AA28" s="37"/>
      <c r="AB28" s="37"/>
      <c r="AC28" s="38"/>
      <c r="AD28" s="39"/>
      <c r="AE28" s="37"/>
      <c r="AF28" s="37"/>
      <c r="AG28" s="37"/>
      <c r="AH28" s="38" t="s">
        <v>0</v>
      </c>
      <c r="AI28" s="26"/>
      <c r="AJ28" s="53">
        <v>6</v>
      </c>
      <c r="AK28" s="27" t="s">
        <v>259</v>
      </c>
    </row>
    <row r="29" spans="1:37" x14ac:dyDescent="0.2">
      <c r="A29" s="60" t="s">
        <v>413</v>
      </c>
      <c r="B29" s="1">
        <v>14</v>
      </c>
      <c r="C29" s="7"/>
      <c r="D29" s="4"/>
      <c r="E29" s="5"/>
      <c r="F29" s="6"/>
      <c r="G29" s="4"/>
      <c r="H29" s="4"/>
      <c r="I29" s="4"/>
      <c r="J29" s="5"/>
      <c r="K29" s="6"/>
      <c r="L29" s="4"/>
      <c r="M29" s="4"/>
      <c r="N29" s="4"/>
      <c r="O29" s="5"/>
      <c r="P29" s="3"/>
      <c r="Q29" s="51"/>
      <c r="R29" s="8"/>
      <c r="T29" s="60" t="s">
        <v>378</v>
      </c>
      <c r="U29" s="1">
        <v>22</v>
      </c>
      <c r="V29" s="7"/>
      <c r="W29" s="40"/>
      <c r="X29" s="41"/>
      <c r="Y29" s="6"/>
      <c r="Z29" s="4"/>
      <c r="AA29" s="4"/>
      <c r="AB29" s="4"/>
      <c r="AC29" s="5"/>
      <c r="AD29" s="6"/>
      <c r="AE29" s="4"/>
      <c r="AF29" s="4"/>
      <c r="AG29" s="4"/>
      <c r="AH29" s="5"/>
      <c r="AI29" s="3"/>
      <c r="AJ29" s="51"/>
      <c r="AK29" s="8"/>
    </row>
    <row r="30" spans="1:37" x14ac:dyDescent="0.2">
      <c r="A30" s="58" t="s">
        <v>412</v>
      </c>
      <c r="B30" s="10">
        <v>44</v>
      </c>
      <c r="C30" s="12"/>
      <c r="D30" s="13"/>
      <c r="E30" s="14"/>
      <c r="F30" s="15"/>
      <c r="G30" s="13"/>
      <c r="H30" s="13"/>
      <c r="I30" s="13"/>
      <c r="J30" s="14"/>
      <c r="K30" s="15"/>
      <c r="L30" s="13"/>
      <c r="M30" s="13"/>
      <c r="N30" s="13"/>
      <c r="O30" s="14"/>
      <c r="P30" s="12"/>
      <c r="Q30" s="52"/>
      <c r="R30" s="18"/>
      <c r="T30" s="58" t="s">
        <v>201</v>
      </c>
      <c r="U30" s="10" t="s">
        <v>259</v>
      </c>
      <c r="V30" s="17"/>
      <c r="W30" s="13"/>
      <c r="X30" s="14"/>
      <c r="Y30" s="15"/>
      <c r="Z30" s="13"/>
      <c r="AA30" s="13"/>
      <c r="AB30" s="13"/>
      <c r="AC30" s="14"/>
      <c r="AD30" s="15"/>
      <c r="AE30" s="13"/>
      <c r="AF30" s="13"/>
      <c r="AG30" s="13"/>
      <c r="AH30" s="14" t="s">
        <v>0</v>
      </c>
      <c r="AI30" s="12"/>
      <c r="AJ30" s="52">
        <v>4</v>
      </c>
      <c r="AK30" s="18" t="s">
        <v>259</v>
      </c>
    </row>
    <row r="31" spans="1:37" x14ac:dyDescent="0.2">
      <c r="A31" s="58">
        <v>987</v>
      </c>
      <c r="B31" s="10" t="s">
        <v>259</v>
      </c>
      <c r="C31" s="12"/>
      <c r="D31" s="13"/>
      <c r="E31" s="14"/>
      <c r="F31" s="15"/>
      <c r="G31" s="13"/>
      <c r="H31" s="13"/>
      <c r="I31" s="13"/>
      <c r="J31" s="14"/>
      <c r="K31" s="15"/>
      <c r="L31" s="13"/>
      <c r="M31" s="13" t="s">
        <v>1</v>
      </c>
      <c r="N31" s="13"/>
      <c r="O31" s="14"/>
      <c r="P31" s="12"/>
      <c r="Q31" s="52">
        <v>4</v>
      </c>
      <c r="R31" s="18" t="s">
        <v>259</v>
      </c>
      <c r="T31" s="58" t="s">
        <v>377</v>
      </c>
      <c r="U31" s="10">
        <v>22</v>
      </c>
      <c r="V31" s="17"/>
      <c r="W31" s="34"/>
      <c r="X31" s="35"/>
      <c r="Y31" s="15"/>
      <c r="Z31" s="13"/>
      <c r="AA31" s="13"/>
      <c r="AB31" s="13"/>
      <c r="AC31" s="14"/>
      <c r="AD31" s="15"/>
      <c r="AE31" s="13"/>
      <c r="AF31" s="13"/>
      <c r="AG31" s="13"/>
      <c r="AH31" s="14"/>
      <c r="AI31" s="12"/>
      <c r="AJ31" s="52"/>
      <c r="AK31" s="18"/>
    </row>
    <row r="32" spans="1:37" x14ac:dyDescent="0.2">
      <c r="A32" s="58" t="s">
        <v>411</v>
      </c>
      <c r="B32" s="10">
        <v>36</v>
      </c>
      <c r="C32" s="12"/>
      <c r="D32" s="13"/>
      <c r="E32" s="14"/>
      <c r="F32" s="15"/>
      <c r="G32" s="13"/>
      <c r="H32" s="13"/>
      <c r="I32" s="13"/>
      <c r="J32" s="14"/>
      <c r="K32" s="15"/>
      <c r="L32" s="13"/>
      <c r="M32" s="13"/>
      <c r="N32" s="13"/>
      <c r="O32" s="14"/>
      <c r="P32" s="12"/>
      <c r="Q32" s="52"/>
      <c r="R32" s="18"/>
      <c r="T32" s="58" t="s">
        <v>376</v>
      </c>
      <c r="U32" s="10">
        <v>36</v>
      </c>
      <c r="V32" s="12"/>
      <c r="W32" s="13"/>
      <c r="X32" s="14"/>
      <c r="Y32" s="15"/>
      <c r="Z32" s="13"/>
      <c r="AA32" s="13"/>
      <c r="AB32" s="13"/>
      <c r="AC32" s="14"/>
      <c r="AD32" s="15"/>
      <c r="AE32" s="13"/>
      <c r="AF32" s="13"/>
      <c r="AG32" s="13"/>
      <c r="AH32" s="14"/>
      <c r="AI32" s="12"/>
      <c r="AJ32" s="52"/>
      <c r="AK32" s="18"/>
    </row>
    <row r="33" spans="1:37" x14ac:dyDescent="0.2">
      <c r="A33" s="59" t="s">
        <v>410</v>
      </c>
      <c r="B33" s="20">
        <v>49</v>
      </c>
      <c r="C33" s="22"/>
      <c r="D33" s="23"/>
      <c r="E33" s="24"/>
      <c r="F33" s="25"/>
      <c r="G33" s="23"/>
      <c r="H33" s="23"/>
      <c r="I33" s="23"/>
      <c r="J33" s="24"/>
      <c r="K33" s="25"/>
      <c r="L33" s="23"/>
      <c r="M33" s="23"/>
      <c r="N33" s="23"/>
      <c r="O33" s="24"/>
      <c r="P33" s="22"/>
      <c r="Q33" s="53"/>
      <c r="R33" s="27"/>
      <c r="T33" s="59" t="s">
        <v>375</v>
      </c>
      <c r="U33" s="20">
        <v>53</v>
      </c>
      <c r="V33" s="22"/>
      <c r="W33" s="23"/>
      <c r="X33" s="24"/>
      <c r="Y33" s="25"/>
      <c r="Z33" s="23"/>
      <c r="AA33" s="23"/>
      <c r="AB33" s="23"/>
      <c r="AC33" s="24"/>
      <c r="AD33" s="25"/>
      <c r="AE33" s="23"/>
      <c r="AF33" s="23"/>
      <c r="AG33" s="23"/>
      <c r="AH33" s="24"/>
      <c r="AI33" s="22"/>
      <c r="AJ33" s="53"/>
      <c r="AK33" s="27"/>
    </row>
    <row r="34" spans="1:37" x14ac:dyDescent="0.2">
      <c r="A34" s="60">
        <v>989</v>
      </c>
      <c r="B34" s="1" t="s">
        <v>259</v>
      </c>
      <c r="C34" s="3"/>
      <c r="D34" s="4"/>
      <c r="E34" s="5"/>
      <c r="F34" s="6"/>
      <c r="G34" s="4"/>
      <c r="H34" s="4"/>
      <c r="I34" s="4"/>
      <c r="J34" s="5"/>
      <c r="K34" s="6"/>
      <c r="L34" s="4"/>
      <c r="M34" s="4" t="s">
        <v>2</v>
      </c>
      <c r="N34" s="4"/>
      <c r="O34" s="5"/>
      <c r="P34" s="3"/>
      <c r="Q34" s="51" t="s">
        <v>259</v>
      </c>
      <c r="R34" s="8">
        <v>4</v>
      </c>
      <c r="T34" s="57" t="s">
        <v>374</v>
      </c>
      <c r="U34" s="1">
        <v>31</v>
      </c>
      <c r="V34" s="3"/>
      <c r="W34" s="4"/>
      <c r="X34" s="5"/>
      <c r="Y34" s="6"/>
      <c r="Z34" s="4"/>
      <c r="AA34" s="4"/>
      <c r="AB34" s="4"/>
      <c r="AC34" s="5"/>
      <c r="AD34" s="6"/>
      <c r="AE34" s="4"/>
      <c r="AF34" s="4"/>
      <c r="AG34" s="4"/>
      <c r="AH34" s="5"/>
      <c r="AI34" s="3"/>
      <c r="AJ34" s="51"/>
      <c r="AK34" s="8"/>
    </row>
    <row r="35" spans="1:37" x14ac:dyDescent="0.2">
      <c r="A35" s="58" t="s">
        <v>191</v>
      </c>
      <c r="B35" s="10" t="s">
        <v>259</v>
      </c>
      <c r="C35" s="12"/>
      <c r="D35" s="13"/>
      <c r="E35" s="14"/>
      <c r="F35" s="15"/>
      <c r="G35" s="13"/>
      <c r="H35" s="13"/>
      <c r="I35" s="13"/>
      <c r="J35" s="14"/>
      <c r="K35" s="15"/>
      <c r="L35" s="13"/>
      <c r="M35" s="13" t="s">
        <v>0</v>
      </c>
      <c r="N35" s="13"/>
      <c r="O35" s="14"/>
      <c r="P35" s="12"/>
      <c r="Q35" s="52">
        <v>5</v>
      </c>
      <c r="R35" s="18" t="s">
        <v>259</v>
      </c>
      <c r="T35" s="58" t="s">
        <v>373</v>
      </c>
      <c r="U35" s="10">
        <v>36</v>
      </c>
      <c r="V35" s="17"/>
      <c r="W35" s="13"/>
      <c r="X35" s="14"/>
      <c r="Y35" s="15"/>
      <c r="Z35" s="13"/>
      <c r="AA35" s="13"/>
      <c r="AB35" s="13"/>
      <c r="AC35" s="14"/>
      <c r="AD35" s="15"/>
      <c r="AE35" s="13"/>
      <c r="AF35" s="13"/>
      <c r="AG35" s="13"/>
      <c r="AH35" s="14"/>
      <c r="AI35" s="12"/>
      <c r="AJ35" s="52"/>
      <c r="AK35" s="18"/>
    </row>
    <row r="36" spans="1:37" x14ac:dyDescent="0.2">
      <c r="A36" s="58" t="s">
        <v>409</v>
      </c>
      <c r="B36" s="10">
        <v>36</v>
      </c>
      <c r="C36" s="12"/>
      <c r="D36" s="13"/>
      <c r="E36" s="14"/>
      <c r="F36" s="15"/>
      <c r="G36" s="13"/>
      <c r="H36" s="13"/>
      <c r="I36" s="13"/>
      <c r="J36" s="14"/>
      <c r="K36" s="15"/>
      <c r="L36" s="13"/>
      <c r="M36" s="13"/>
      <c r="N36" s="13"/>
      <c r="O36" s="14"/>
      <c r="P36" s="12"/>
      <c r="Q36" s="52"/>
      <c r="R36" s="18"/>
      <c r="T36" s="58" t="s">
        <v>202</v>
      </c>
      <c r="U36" s="10" t="s">
        <v>259</v>
      </c>
      <c r="V36" s="17"/>
      <c r="W36" s="13"/>
      <c r="X36" s="14"/>
      <c r="Y36" s="15"/>
      <c r="Z36" s="13"/>
      <c r="AA36" s="13"/>
      <c r="AB36" s="13"/>
      <c r="AC36" s="14"/>
      <c r="AD36" s="15" t="s">
        <v>0</v>
      </c>
      <c r="AE36" s="13"/>
      <c r="AF36" s="13"/>
      <c r="AG36" s="13"/>
      <c r="AH36" s="14"/>
      <c r="AI36" s="12"/>
      <c r="AJ36" s="52">
        <v>4</v>
      </c>
      <c r="AK36" s="18" t="s">
        <v>259</v>
      </c>
    </row>
    <row r="37" spans="1:37" x14ac:dyDescent="0.2">
      <c r="A37" s="58" t="s">
        <v>192</v>
      </c>
      <c r="B37" s="10" t="s">
        <v>259</v>
      </c>
      <c r="C37" s="12"/>
      <c r="D37" s="13"/>
      <c r="E37" s="14"/>
      <c r="F37" s="15"/>
      <c r="G37" s="13"/>
      <c r="H37" s="13"/>
      <c r="I37" s="13"/>
      <c r="J37" s="14" t="s">
        <v>0</v>
      </c>
      <c r="K37" s="15"/>
      <c r="L37" s="13"/>
      <c r="M37" s="13" t="s">
        <v>0</v>
      </c>
      <c r="N37" s="13"/>
      <c r="O37" s="14"/>
      <c r="P37" s="12"/>
      <c r="Q37" s="52">
        <v>8</v>
      </c>
      <c r="R37" s="18" t="s">
        <v>259</v>
      </c>
      <c r="T37" s="58" t="s">
        <v>372</v>
      </c>
      <c r="U37" s="10">
        <v>31</v>
      </c>
      <c r="V37" s="12"/>
      <c r="W37" s="13"/>
      <c r="X37" s="14"/>
      <c r="Y37" s="15"/>
      <c r="Z37" s="13"/>
      <c r="AA37" s="13"/>
      <c r="AB37" s="13"/>
      <c r="AC37" s="14"/>
      <c r="AD37" s="15"/>
      <c r="AE37" s="13"/>
      <c r="AF37" s="13"/>
      <c r="AG37" s="13"/>
      <c r="AH37" s="14"/>
      <c r="AI37" s="12"/>
      <c r="AJ37" s="52"/>
      <c r="AK37" s="18"/>
    </row>
    <row r="38" spans="1:37" x14ac:dyDescent="0.2">
      <c r="A38" s="59" t="s">
        <v>408</v>
      </c>
      <c r="B38" s="20">
        <v>40</v>
      </c>
      <c r="C38" s="22"/>
      <c r="D38" s="23"/>
      <c r="E38" s="24"/>
      <c r="F38" s="25"/>
      <c r="G38" s="23"/>
      <c r="H38" s="23"/>
      <c r="I38" s="23"/>
      <c r="J38" s="24"/>
      <c r="K38" s="25"/>
      <c r="L38" s="23"/>
      <c r="M38" s="23"/>
      <c r="N38" s="23"/>
      <c r="O38" s="24"/>
      <c r="P38" s="22"/>
      <c r="Q38" s="53"/>
      <c r="R38" s="27"/>
      <c r="T38" s="59" t="s">
        <v>371</v>
      </c>
      <c r="U38" s="20">
        <v>44</v>
      </c>
      <c r="V38" s="22"/>
      <c r="W38" s="23"/>
      <c r="X38" s="24"/>
      <c r="Y38" s="25"/>
      <c r="Z38" s="23"/>
      <c r="AA38" s="23"/>
      <c r="AB38" s="23"/>
      <c r="AC38" s="38"/>
      <c r="AD38" s="25"/>
      <c r="AE38" s="23"/>
      <c r="AF38" s="23"/>
      <c r="AG38" s="23"/>
      <c r="AH38" s="24"/>
      <c r="AI38" s="22"/>
      <c r="AJ38" s="53"/>
      <c r="AK38" s="27"/>
    </row>
    <row r="39" spans="1:37" x14ac:dyDescent="0.2">
      <c r="A39" s="60" t="s">
        <v>407</v>
      </c>
      <c r="B39" s="1">
        <v>36</v>
      </c>
      <c r="C39" s="7"/>
      <c r="D39" s="4"/>
      <c r="E39" s="5"/>
      <c r="F39" s="6"/>
      <c r="G39" s="4"/>
      <c r="H39" s="4"/>
      <c r="I39" s="4"/>
      <c r="J39" s="5"/>
      <c r="K39" s="6"/>
      <c r="L39" s="4"/>
      <c r="M39" s="4"/>
      <c r="N39" s="4"/>
      <c r="O39" s="5"/>
      <c r="P39" s="3"/>
      <c r="Q39" s="51"/>
      <c r="R39" s="8"/>
      <c r="T39" s="60" t="s">
        <v>203</v>
      </c>
      <c r="U39" s="1" t="s">
        <v>259</v>
      </c>
      <c r="V39" s="7"/>
      <c r="W39" s="4"/>
      <c r="X39" s="5"/>
      <c r="Y39" s="6"/>
      <c r="Z39" s="4"/>
      <c r="AA39" s="4"/>
      <c r="AB39" s="4"/>
      <c r="AC39" s="5"/>
      <c r="AD39" s="6"/>
      <c r="AE39" s="4"/>
      <c r="AF39" s="4" t="s">
        <v>0</v>
      </c>
      <c r="AG39" s="4"/>
      <c r="AH39" s="5" t="s">
        <v>0</v>
      </c>
      <c r="AI39" s="3"/>
      <c r="AJ39" s="51">
        <v>8</v>
      </c>
      <c r="AK39" s="8" t="s">
        <v>259</v>
      </c>
    </row>
    <row r="40" spans="1:37" x14ac:dyDescent="0.2">
      <c r="A40" s="58" t="s">
        <v>406</v>
      </c>
      <c r="B40" s="10">
        <v>49</v>
      </c>
      <c r="C40" s="17"/>
      <c r="D40" s="13"/>
      <c r="E40" s="14"/>
      <c r="F40" s="15"/>
      <c r="G40" s="13"/>
      <c r="H40" s="13"/>
      <c r="I40" s="13"/>
      <c r="J40" s="14"/>
      <c r="K40" s="15"/>
      <c r="L40" s="13"/>
      <c r="M40" s="13"/>
      <c r="N40" s="13"/>
      <c r="O40" s="14"/>
      <c r="P40" s="12"/>
      <c r="Q40" s="52"/>
      <c r="R40" s="18"/>
      <c r="T40" s="58" t="s">
        <v>370</v>
      </c>
      <c r="U40" s="10">
        <v>41</v>
      </c>
      <c r="V40" s="12"/>
      <c r="W40" s="13"/>
      <c r="X40" s="14"/>
      <c r="Y40" s="15"/>
      <c r="Z40" s="13"/>
      <c r="AA40" s="13"/>
      <c r="AB40" s="13"/>
      <c r="AC40" s="14"/>
      <c r="AD40" s="15"/>
      <c r="AE40" s="13"/>
      <c r="AF40" s="13"/>
      <c r="AG40" s="13"/>
      <c r="AH40" s="14"/>
      <c r="AI40" s="12"/>
      <c r="AJ40" s="52"/>
      <c r="AK40" s="18"/>
    </row>
    <row r="41" spans="1:37" x14ac:dyDescent="0.2">
      <c r="A41" s="58" t="s">
        <v>405</v>
      </c>
      <c r="B41" s="10">
        <v>36</v>
      </c>
      <c r="C41" s="12"/>
      <c r="D41" s="13"/>
      <c r="E41" s="14"/>
      <c r="F41" s="15"/>
      <c r="G41" s="13"/>
      <c r="H41" s="13"/>
      <c r="I41" s="13"/>
      <c r="J41" s="14"/>
      <c r="K41" s="15"/>
      <c r="L41" s="13"/>
      <c r="M41" s="13"/>
      <c r="N41" s="13"/>
      <c r="O41" s="14"/>
      <c r="P41" s="12"/>
      <c r="Q41" s="52"/>
      <c r="R41" s="18"/>
      <c r="T41" s="58" t="s">
        <v>369</v>
      </c>
      <c r="U41" s="10">
        <v>31</v>
      </c>
      <c r="V41" s="12"/>
      <c r="W41" s="13"/>
      <c r="X41" s="14"/>
      <c r="Y41" s="15"/>
      <c r="Z41" s="13"/>
      <c r="AA41" s="13"/>
      <c r="AB41" s="13"/>
      <c r="AC41" s="14"/>
      <c r="AD41" s="15"/>
      <c r="AE41" s="13"/>
      <c r="AF41" s="13"/>
      <c r="AG41" s="13"/>
      <c r="AH41" s="14"/>
      <c r="AI41" s="12"/>
      <c r="AJ41" s="52"/>
      <c r="AK41" s="18"/>
    </row>
    <row r="42" spans="1:37" x14ac:dyDescent="0.2">
      <c r="A42" s="58" t="s">
        <v>193</v>
      </c>
      <c r="B42" s="10" t="s">
        <v>259</v>
      </c>
      <c r="C42" s="12"/>
      <c r="D42" s="13"/>
      <c r="E42" s="14"/>
      <c r="F42" s="15"/>
      <c r="G42" s="13"/>
      <c r="H42" s="13"/>
      <c r="I42" s="13"/>
      <c r="J42" s="14"/>
      <c r="K42" s="15"/>
      <c r="L42" s="13"/>
      <c r="M42" s="13"/>
      <c r="N42" s="13" t="s">
        <v>0</v>
      </c>
      <c r="O42" s="14" t="s">
        <v>0</v>
      </c>
      <c r="P42" s="12"/>
      <c r="Q42" s="52">
        <v>8</v>
      </c>
      <c r="R42" s="18" t="s">
        <v>259</v>
      </c>
      <c r="T42" s="58" t="s">
        <v>204</v>
      </c>
      <c r="U42" s="10" t="s">
        <v>259</v>
      </c>
      <c r="V42" s="17"/>
      <c r="W42" s="34"/>
      <c r="X42" s="35"/>
      <c r="Y42" s="36"/>
      <c r="Z42" s="34"/>
      <c r="AA42" s="34"/>
      <c r="AB42" s="34"/>
      <c r="AC42" s="35"/>
      <c r="AD42" s="36"/>
      <c r="AE42" s="34"/>
      <c r="AF42" s="34"/>
      <c r="AG42" s="34"/>
      <c r="AH42" s="35" t="s">
        <v>0</v>
      </c>
      <c r="AI42" s="17"/>
      <c r="AJ42" s="52">
        <v>6</v>
      </c>
      <c r="AK42" s="18" t="s">
        <v>259</v>
      </c>
    </row>
    <row r="43" spans="1:37" x14ac:dyDescent="0.2">
      <c r="A43" s="59" t="s">
        <v>404</v>
      </c>
      <c r="B43" s="20">
        <v>36</v>
      </c>
      <c r="C43" s="26"/>
      <c r="D43" s="37"/>
      <c r="E43" s="38"/>
      <c r="F43" s="39"/>
      <c r="G43" s="37"/>
      <c r="H43" s="37"/>
      <c r="I43" s="37"/>
      <c r="J43" s="38"/>
      <c r="K43" s="39"/>
      <c r="L43" s="37"/>
      <c r="M43" s="37"/>
      <c r="N43" s="37"/>
      <c r="O43" s="38"/>
      <c r="P43" s="26"/>
      <c r="Q43" s="53"/>
      <c r="R43" s="27"/>
      <c r="T43" s="59" t="s">
        <v>368</v>
      </c>
      <c r="U43" s="20">
        <v>22</v>
      </c>
      <c r="V43" s="26"/>
      <c r="W43" s="23"/>
      <c r="X43" s="24"/>
      <c r="Y43" s="25"/>
      <c r="Z43" s="23"/>
      <c r="AA43" s="23"/>
      <c r="AB43" s="23"/>
      <c r="AC43" s="24"/>
      <c r="AD43" s="25"/>
      <c r="AE43" s="23"/>
      <c r="AF43" s="23"/>
      <c r="AG43" s="23"/>
      <c r="AH43" s="24"/>
      <c r="AI43" s="22"/>
      <c r="AJ43" s="53"/>
      <c r="AK43" s="27"/>
    </row>
    <row r="44" spans="1:37" x14ac:dyDescent="0.2">
      <c r="A44" s="57" t="s">
        <v>403</v>
      </c>
      <c r="B44" s="1">
        <v>44</v>
      </c>
      <c r="C44" s="3"/>
      <c r="D44" s="4"/>
      <c r="E44" s="5"/>
      <c r="F44" s="6"/>
      <c r="G44" s="4"/>
      <c r="H44" s="4"/>
      <c r="I44" s="4"/>
      <c r="J44" s="5"/>
      <c r="K44" s="6"/>
      <c r="L44" s="4"/>
      <c r="M44" s="4"/>
      <c r="N44" s="4"/>
      <c r="O44" s="5"/>
      <c r="P44" s="3"/>
      <c r="Q44" s="51"/>
      <c r="R44" s="8"/>
      <c r="T44" s="60" t="s">
        <v>367</v>
      </c>
      <c r="U44" s="1">
        <v>31</v>
      </c>
      <c r="V44" s="3"/>
      <c r="W44" s="4"/>
      <c r="X44" s="5"/>
      <c r="Y44" s="6"/>
      <c r="Z44" s="4"/>
      <c r="AA44" s="4"/>
      <c r="AB44" s="4"/>
      <c r="AC44" s="5"/>
      <c r="AD44" s="6"/>
      <c r="AE44" s="4"/>
      <c r="AF44" s="4"/>
      <c r="AG44" s="4"/>
      <c r="AH44" s="5"/>
      <c r="AI44" s="3"/>
      <c r="AJ44" s="51"/>
      <c r="AK44" s="8"/>
    </row>
    <row r="45" spans="1:37" x14ac:dyDescent="0.2">
      <c r="A45" s="58">
        <v>996</v>
      </c>
      <c r="B45" s="10" t="s">
        <v>259</v>
      </c>
      <c r="C45" s="12"/>
      <c r="D45" s="13"/>
      <c r="E45" s="14"/>
      <c r="F45" s="15"/>
      <c r="G45" s="13"/>
      <c r="H45" s="13"/>
      <c r="I45" s="13"/>
      <c r="J45" s="14"/>
      <c r="K45" s="15"/>
      <c r="L45" s="13"/>
      <c r="M45" s="13" t="s">
        <v>2</v>
      </c>
      <c r="N45" s="13"/>
      <c r="O45" s="14"/>
      <c r="P45" s="12"/>
      <c r="Q45" s="52" t="s">
        <v>259</v>
      </c>
      <c r="R45" s="18">
        <v>4</v>
      </c>
      <c r="T45" s="58" t="s">
        <v>366</v>
      </c>
      <c r="U45" s="10">
        <v>27</v>
      </c>
      <c r="V45" s="12"/>
      <c r="W45" s="13"/>
      <c r="X45" s="14"/>
      <c r="Y45" s="15"/>
      <c r="Z45" s="13"/>
      <c r="AA45" s="13"/>
      <c r="AB45" s="13"/>
      <c r="AC45" s="14"/>
      <c r="AD45" s="15"/>
      <c r="AE45" s="13"/>
      <c r="AF45" s="13"/>
      <c r="AG45" s="13"/>
      <c r="AH45" s="14"/>
      <c r="AI45" s="12"/>
      <c r="AJ45" s="52"/>
      <c r="AK45" s="18"/>
    </row>
    <row r="46" spans="1:37" x14ac:dyDescent="0.2">
      <c r="A46" s="58" t="s">
        <v>402</v>
      </c>
      <c r="B46" s="10">
        <v>36</v>
      </c>
      <c r="C46" s="12"/>
      <c r="D46" s="13"/>
      <c r="E46" s="14"/>
      <c r="F46" s="15"/>
      <c r="G46" s="13"/>
      <c r="H46" s="13"/>
      <c r="I46" s="13"/>
      <c r="J46" s="14"/>
      <c r="K46" s="15"/>
      <c r="L46" s="13"/>
      <c r="M46" s="13"/>
      <c r="N46" s="13"/>
      <c r="O46" s="14"/>
      <c r="P46" s="12"/>
      <c r="Q46" s="52"/>
      <c r="R46" s="18"/>
      <c r="T46" s="58" t="s">
        <v>205</v>
      </c>
      <c r="U46" s="10" t="s">
        <v>259</v>
      </c>
      <c r="V46" s="17"/>
      <c r="W46" s="13"/>
      <c r="X46" s="14"/>
      <c r="Y46" s="15"/>
      <c r="Z46" s="13"/>
      <c r="AA46" s="13"/>
      <c r="AB46" s="13"/>
      <c r="AC46" s="14"/>
      <c r="AD46" s="15"/>
      <c r="AE46" s="13" t="s">
        <v>0</v>
      </c>
      <c r="AF46" s="13"/>
      <c r="AG46" s="13"/>
      <c r="AH46" s="14"/>
      <c r="AI46" s="12"/>
      <c r="AJ46" s="52">
        <v>4</v>
      </c>
      <c r="AK46" s="18" t="s">
        <v>259</v>
      </c>
    </row>
    <row r="47" spans="1:37" x14ac:dyDescent="0.2">
      <c r="A47" s="58" t="s">
        <v>401</v>
      </c>
      <c r="B47" s="10">
        <v>40</v>
      </c>
      <c r="C47" s="17"/>
      <c r="D47" s="34"/>
      <c r="E47" s="35"/>
      <c r="F47" s="36"/>
      <c r="G47" s="34"/>
      <c r="H47" s="34"/>
      <c r="I47" s="34"/>
      <c r="J47" s="35"/>
      <c r="K47" s="36"/>
      <c r="L47" s="34"/>
      <c r="M47" s="34"/>
      <c r="N47" s="34"/>
      <c r="O47" s="35"/>
      <c r="P47" s="17"/>
      <c r="Q47" s="52"/>
      <c r="R47" s="18"/>
      <c r="T47" s="58" t="s">
        <v>365</v>
      </c>
      <c r="U47" s="10">
        <v>36</v>
      </c>
      <c r="V47" s="12"/>
      <c r="W47" s="13"/>
      <c r="X47" s="14"/>
      <c r="Y47" s="15"/>
      <c r="Z47" s="13"/>
      <c r="AA47" s="13"/>
      <c r="AB47" s="13"/>
      <c r="AC47" s="14"/>
      <c r="AD47" s="15"/>
      <c r="AE47" s="13"/>
      <c r="AF47" s="13"/>
      <c r="AG47" s="13"/>
      <c r="AH47" s="14"/>
      <c r="AI47" s="12"/>
      <c r="AJ47" s="52"/>
      <c r="AK47" s="18"/>
    </row>
    <row r="48" spans="1:37" x14ac:dyDescent="0.2">
      <c r="A48" s="59" t="s">
        <v>400</v>
      </c>
      <c r="B48" s="20">
        <v>44</v>
      </c>
      <c r="C48" s="22"/>
      <c r="D48" s="23"/>
      <c r="E48" s="24"/>
      <c r="F48" s="25"/>
      <c r="G48" s="23"/>
      <c r="H48" s="23"/>
      <c r="I48" s="23"/>
      <c r="J48" s="24"/>
      <c r="K48" s="25"/>
      <c r="L48" s="23"/>
      <c r="M48" s="23"/>
      <c r="N48" s="23"/>
      <c r="O48" s="24"/>
      <c r="P48" s="22"/>
      <c r="Q48" s="53"/>
      <c r="R48" s="27"/>
      <c r="T48" s="59" t="s">
        <v>206</v>
      </c>
      <c r="U48" s="20" t="s">
        <v>259</v>
      </c>
      <c r="V48" s="26"/>
      <c r="W48" s="23"/>
      <c r="X48" s="24"/>
      <c r="Y48" s="25"/>
      <c r="Z48" s="23"/>
      <c r="AA48" s="23"/>
      <c r="AB48" s="23"/>
      <c r="AC48" s="24"/>
      <c r="AD48" s="25"/>
      <c r="AE48" s="23"/>
      <c r="AF48" s="23"/>
      <c r="AG48" s="23"/>
      <c r="AH48" s="24" t="s">
        <v>0</v>
      </c>
      <c r="AI48" s="22"/>
      <c r="AJ48" s="53">
        <v>4</v>
      </c>
      <c r="AK48" s="27" t="s">
        <v>259</v>
      </c>
    </row>
    <row r="49" spans="1:37" x14ac:dyDescent="0.2">
      <c r="A49" s="60" t="s">
        <v>194</v>
      </c>
      <c r="B49" s="1" t="s">
        <v>259</v>
      </c>
      <c r="C49" s="3"/>
      <c r="D49" s="4"/>
      <c r="E49" s="5"/>
      <c r="F49" s="6"/>
      <c r="G49" s="4"/>
      <c r="H49" s="4"/>
      <c r="I49" s="4"/>
      <c r="J49" s="5"/>
      <c r="K49" s="6"/>
      <c r="L49" s="4"/>
      <c r="M49" s="4" t="s">
        <v>0</v>
      </c>
      <c r="N49" s="4"/>
      <c r="O49" s="5"/>
      <c r="P49" s="3"/>
      <c r="Q49" s="51">
        <v>4</v>
      </c>
      <c r="R49" s="8" t="s">
        <v>259</v>
      </c>
      <c r="T49" s="60" t="s">
        <v>364</v>
      </c>
      <c r="U49" s="1">
        <v>27</v>
      </c>
      <c r="V49" s="3"/>
      <c r="W49" s="4"/>
      <c r="X49" s="5"/>
      <c r="Y49" s="6"/>
      <c r="Z49" s="4"/>
      <c r="AA49" s="4"/>
      <c r="AB49" s="4"/>
      <c r="AC49" s="5"/>
      <c r="AD49" s="6"/>
      <c r="AE49" s="4"/>
      <c r="AF49" s="4"/>
      <c r="AG49" s="4"/>
      <c r="AH49" s="5"/>
      <c r="AI49" s="3"/>
      <c r="AJ49" s="51"/>
      <c r="AK49" s="8"/>
    </row>
    <row r="50" spans="1:37" x14ac:dyDescent="0.2">
      <c r="A50" s="58" t="s">
        <v>195</v>
      </c>
      <c r="B50" s="10" t="s">
        <v>259</v>
      </c>
      <c r="C50" s="12"/>
      <c r="D50" s="13"/>
      <c r="E50" s="14"/>
      <c r="F50" s="15"/>
      <c r="G50" s="13"/>
      <c r="H50" s="13"/>
      <c r="I50" s="13"/>
      <c r="J50" s="14"/>
      <c r="K50" s="15"/>
      <c r="L50" s="13"/>
      <c r="M50" s="13"/>
      <c r="N50" s="13"/>
      <c r="O50" s="14" t="s">
        <v>0</v>
      </c>
      <c r="P50" s="12"/>
      <c r="Q50" s="52">
        <v>4</v>
      </c>
      <c r="R50" s="18" t="s">
        <v>259</v>
      </c>
      <c r="T50" s="58" t="s">
        <v>363</v>
      </c>
      <c r="U50" s="10">
        <v>40</v>
      </c>
      <c r="V50" s="12"/>
      <c r="W50" s="13"/>
      <c r="X50" s="14"/>
      <c r="Y50" s="15"/>
      <c r="Z50" s="13"/>
      <c r="AA50" s="13"/>
      <c r="AB50" s="13"/>
      <c r="AC50" s="14"/>
      <c r="AD50" s="15"/>
      <c r="AE50" s="13"/>
      <c r="AF50" s="13"/>
      <c r="AG50" s="13"/>
      <c r="AH50" s="14"/>
      <c r="AI50" s="12"/>
      <c r="AJ50" s="52"/>
      <c r="AK50" s="18"/>
    </row>
    <row r="51" spans="1:37" x14ac:dyDescent="0.2">
      <c r="A51" s="58" t="s">
        <v>399</v>
      </c>
      <c r="B51" s="10">
        <v>40</v>
      </c>
      <c r="C51" s="12"/>
      <c r="D51" s="13"/>
      <c r="E51" s="14"/>
      <c r="F51" s="15"/>
      <c r="G51" s="13"/>
      <c r="H51" s="13"/>
      <c r="I51" s="13"/>
      <c r="J51" s="14"/>
      <c r="K51" s="15"/>
      <c r="L51" s="13"/>
      <c r="M51" s="13"/>
      <c r="N51" s="13"/>
      <c r="O51" s="14"/>
      <c r="P51" s="12"/>
      <c r="Q51" s="52"/>
      <c r="R51" s="18"/>
      <c r="T51" s="58" t="s">
        <v>362</v>
      </c>
      <c r="U51" s="10">
        <v>59</v>
      </c>
      <c r="V51" s="12"/>
      <c r="W51" s="13"/>
      <c r="X51" s="14"/>
      <c r="Y51" s="15"/>
      <c r="Z51" s="13"/>
      <c r="AA51" s="13"/>
      <c r="AB51" s="13"/>
      <c r="AC51" s="14"/>
      <c r="AD51" s="15"/>
      <c r="AE51" s="13"/>
      <c r="AF51" s="13"/>
      <c r="AG51" s="13"/>
      <c r="AH51" s="14"/>
      <c r="AI51" s="12"/>
      <c r="AJ51" s="52"/>
      <c r="AK51" s="18"/>
    </row>
    <row r="52" spans="1:37" x14ac:dyDescent="0.2">
      <c r="A52" s="58" t="s">
        <v>398</v>
      </c>
      <c r="B52" s="10">
        <v>31</v>
      </c>
      <c r="C52" s="12"/>
      <c r="D52" s="13"/>
      <c r="E52" s="14"/>
      <c r="F52" s="15"/>
      <c r="G52" s="13"/>
      <c r="H52" s="13"/>
      <c r="I52" s="13"/>
      <c r="J52" s="14"/>
      <c r="K52" s="15"/>
      <c r="L52" s="13"/>
      <c r="M52" s="13"/>
      <c r="N52" s="13"/>
      <c r="O52" s="14"/>
      <c r="P52" s="12"/>
      <c r="Q52" s="52"/>
      <c r="R52" s="18"/>
      <c r="T52" s="58" t="s">
        <v>361</v>
      </c>
      <c r="U52" s="10">
        <v>14</v>
      </c>
      <c r="V52" s="12"/>
      <c r="W52" s="13"/>
      <c r="X52" s="14"/>
      <c r="Y52" s="15"/>
      <c r="Z52" s="13"/>
      <c r="AA52" s="13"/>
      <c r="AB52" s="13"/>
      <c r="AC52" s="14"/>
      <c r="AD52" s="15"/>
      <c r="AE52" s="13"/>
      <c r="AF52" s="13"/>
      <c r="AG52" s="13"/>
      <c r="AH52" s="14"/>
      <c r="AI52" s="12"/>
      <c r="AJ52" s="52"/>
      <c r="AK52" s="18"/>
    </row>
    <row r="53" spans="1:37" x14ac:dyDescent="0.2">
      <c r="A53" s="59" t="s">
        <v>397</v>
      </c>
      <c r="B53" s="20">
        <v>40</v>
      </c>
      <c r="C53" s="22"/>
      <c r="D53" s="23"/>
      <c r="E53" s="24"/>
      <c r="F53" s="25"/>
      <c r="G53" s="23"/>
      <c r="H53" s="23"/>
      <c r="I53" s="23"/>
      <c r="J53" s="24"/>
      <c r="K53" s="25"/>
      <c r="L53" s="23"/>
      <c r="M53" s="23"/>
      <c r="N53" s="23"/>
      <c r="O53" s="24"/>
      <c r="P53" s="22"/>
      <c r="Q53" s="53"/>
      <c r="R53" s="27"/>
      <c r="T53" s="59" t="s">
        <v>360</v>
      </c>
      <c r="U53" s="20">
        <v>31</v>
      </c>
      <c r="V53" s="22"/>
      <c r="W53" s="23"/>
      <c r="X53" s="24"/>
      <c r="Y53" s="25"/>
      <c r="Z53" s="23"/>
      <c r="AA53" s="23"/>
      <c r="AB53" s="23"/>
      <c r="AC53" s="24"/>
      <c r="AD53" s="25"/>
      <c r="AE53" s="23"/>
      <c r="AF53" s="23"/>
      <c r="AG53" s="23"/>
      <c r="AH53" s="24"/>
      <c r="AI53" s="22"/>
      <c r="AJ53" s="53"/>
      <c r="AK53" s="27"/>
    </row>
    <row r="54" spans="1:37" x14ac:dyDescent="0.2">
      <c r="A54" s="58"/>
      <c r="B54" s="11"/>
      <c r="C54" s="17"/>
      <c r="D54" s="13"/>
      <c r="E54" s="14"/>
      <c r="F54" s="15"/>
      <c r="G54" s="13"/>
      <c r="H54" s="13"/>
      <c r="I54" s="13"/>
      <c r="J54" s="14"/>
      <c r="K54" s="15"/>
      <c r="L54" s="13"/>
      <c r="M54" s="13"/>
      <c r="N54" s="13"/>
      <c r="O54" s="14"/>
      <c r="P54" s="12"/>
      <c r="Q54" s="52"/>
      <c r="R54" s="18"/>
    </row>
    <row r="55" spans="1:37" x14ac:dyDescent="0.2">
      <c r="A55" s="58"/>
      <c r="B55" s="11"/>
      <c r="C55" s="17"/>
      <c r="D55" s="13"/>
      <c r="E55" s="14"/>
      <c r="F55" s="15"/>
      <c r="G55" s="13"/>
      <c r="H55" s="13"/>
      <c r="I55" s="13"/>
      <c r="J55" s="14"/>
      <c r="K55" s="15"/>
      <c r="L55" s="13"/>
      <c r="M55" s="13"/>
      <c r="N55" s="13"/>
      <c r="O55" s="14"/>
      <c r="P55" s="12"/>
      <c r="Q55" s="52"/>
      <c r="R55" s="18"/>
    </row>
    <row r="56" spans="1:37" x14ac:dyDescent="0.2">
      <c r="A56" s="58"/>
      <c r="B56" s="11"/>
      <c r="C56" s="17"/>
      <c r="D56" s="13"/>
      <c r="E56" s="14"/>
      <c r="F56" s="15"/>
      <c r="G56" s="13"/>
      <c r="H56" s="13"/>
      <c r="I56" s="13"/>
      <c r="J56" s="14"/>
      <c r="K56" s="15"/>
      <c r="L56" s="13"/>
      <c r="M56" s="13"/>
      <c r="N56" s="13"/>
      <c r="O56" s="14"/>
      <c r="P56" s="12"/>
      <c r="Q56" s="52"/>
      <c r="R56" s="18"/>
    </row>
    <row r="57" spans="1:37" x14ac:dyDescent="0.2">
      <c r="A57" s="59"/>
      <c r="B57" s="21"/>
      <c r="C57" s="26"/>
      <c r="D57" s="23"/>
      <c r="E57" s="24"/>
      <c r="F57" s="25"/>
      <c r="G57" s="23"/>
      <c r="H57" s="23"/>
      <c r="I57" s="23"/>
      <c r="J57" s="24"/>
      <c r="K57" s="25"/>
      <c r="L57" s="23"/>
      <c r="M57" s="23"/>
      <c r="N57" s="23"/>
      <c r="O57" s="24"/>
      <c r="P57" s="22"/>
      <c r="Q57" s="53"/>
      <c r="R57" s="27"/>
    </row>
    <row r="58" spans="1:37" x14ac:dyDescent="0.2">
      <c r="A58" s="60"/>
      <c r="B58" s="2"/>
      <c r="C58" s="7"/>
      <c r="D58" s="4"/>
      <c r="E58" s="5"/>
      <c r="F58" s="6"/>
      <c r="G58" s="4"/>
      <c r="H58" s="4"/>
      <c r="I58" s="4"/>
      <c r="J58" s="5"/>
      <c r="K58" s="6"/>
      <c r="L58" s="4"/>
      <c r="M58" s="4"/>
      <c r="N58" s="4"/>
      <c r="O58" s="5"/>
      <c r="P58" s="3"/>
      <c r="Q58" s="51"/>
      <c r="R58" s="8"/>
    </row>
    <row r="59" spans="1:37" x14ac:dyDescent="0.2">
      <c r="A59" s="58"/>
      <c r="B59" s="11"/>
      <c r="C59" s="17"/>
      <c r="D59" s="13"/>
      <c r="E59" s="14"/>
      <c r="F59" s="15"/>
      <c r="G59" s="13"/>
      <c r="H59" s="13"/>
      <c r="I59" s="13"/>
      <c r="J59" s="14"/>
      <c r="K59" s="15"/>
      <c r="L59" s="13"/>
      <c r="M59" s="13"/>
      <c r="N59" s="13"/>
      <c r="O59" s="14"/>
      <c r="P59" s="12"/>
      <c r="Q59" s="52"/>
      <c r="R59" s="18"/>
    </row>
    <row r="60" spans="1:37" x14ac:dyDescent="0.2">
      <c r="A60" s="58"/>
      <c r="B60" s="11"/>
      <c r="C60" s="17"/>
      <c r="D60" s="13"/>
      <c r="E60" s="14"/>
      <c r="F60" s="15"/>
      <c r="G60" s="13"/>
      <c r="H60" s="13"/>
      <c r="I60" s="13"/>
      <c r="J60" s="14"/>
      <c r="K60" s="15"/>
      <c r="L60" s="13"/>
      <c r="M60" s="13"/>
      <c r="N60" s="13"/>
      <c r="O60" s="14"/>
      <c r="P60" s="12"/>
      <c r="Q60" s="52"/>
      <c r="R60" s="18"/>
    </row>
    <row r="61" spans="1:37" x14ac:dyDescent="0.2">
      <c r="A61" s="58"/>
      <c r="B61" s="11"/>
      <c r="C61" s="17"/>
      <c r="D61" s="13"/>
      <c r="E61" s="14"/>
      <c r="F61" s="15"/>
      <c r="G61" s="13"/>
      <c r="H61" s="13"/>
      <c r="I61" s="13"/>
      <c r="J61" s="14"/>
      <c r="K61" s="15"/>
      <c r="L61" s="13"/>
      <c r="M61" s="13"/>
      <c r="N61" s="13"/>
      <c r="O61" s="14"/>
      <c r="P61" s="12"/>
      <c r="Q61" s="52"/>
      <c r="R61" s="18"/>
    </row>
    <row r="62" spans="1:37" x14ac:dyDescent="0.2">
      <c r="A62" s="59"/>
      <c r="B62" s="21"/>
      <c r="C62" s="26"/>
      <c r="D62" s="23"/>
      <c r="E62" s="24"/>
      <c r="F62" s="25"/>
      <c r="G62" s="23"/>
      <c r="H62" s="23"/>
      <c r="I62" s="23"/>
      <c r="J62" s="24"/>
      <c r="K62" s="25"/>
      <c r="L62" s="23"/>
      <c r="M62" s="23"/>
      <c r="N62" s="23"/>
      <c r="O62" s="24"/>
      <c r="P62" s="22"/>
      <c r="Q62" s="53"/>
      <c r="R62" s="27"/>
    </row>
    <row r="63" spans="1:37" x14ac:dyDescent="0.2">
      <c r="A63" s="60"/>
      <c r="B63" s="2"/>
      <c r="C63" s="7"/>
      <c r="D63" s="4"/>
      <c r="E63" s="5"/>
      <c r="F63" s="6"/>
      <c r="G63" s="4"/>
      <c r="H63" s="4"/>
      <c r="I63" s="4"/>
      <c r="J63" s="5"/>
      <c r="K63" s="6"/>
      <c r="L63" s="4"/>
      <c r="M63" s="4"/>
      <c r="N63" s="4"/>
      <c r="O63" s="5"/>
      <c r="P63" s="3"/>
      <c r="Q63" s="51"/>
      <c r="R63" s="8"/>
    </row>
    <row r="64" spans="1:37" x14ac:dyDescent="0.2">
      <c r="A64" s="58"/>
      <c r="B64" s="11"/>
      <c r="C64" s="17"/>
      <c r="D64" s="13"/>
      <c r="E64" s="14"/>
      <c r="F64" s="15"/>
      <c r="G64" s="13"/>
      <c r="H64" s="13"/>
      <c r="I64" s="13"/>
      <c r="J64" s="14"/>
      <c r="K64" s="15"/>
      <c r="L64" s="13"/>
      <c r="M64" s="13"/>
      <c r="N64" s="13"/>
      <c r="O64" s="14"/>
      <c r="P64" s="12"/>
      <c r="Q64" s="52"/>
      <c r="R64" s="18"/>
    </row>
    <row r="65" spans="1:18" x14ac:dyDescent="0.2">
      <c r="A65" s="58"/>
      <c r="B65" s="11"/>
      <c r="C65" s="17"/>
      <c r="D65" s="13"/>
      <c r="E65" s="14"/>
      <c r="F65" s="15"/>
      <c r="G65" s="13"/>
      <c r="H65" s="13"/>
      <c r="I65" s="13"/>
      <c r="J65" s="14"/>
      <c r="K65" s="15"/>
      <c r="L65" s="13"/>
      <c r="M65" s="13"/>
      <c r="N65" s="13"/>
      <c r="O65" s="14"/>
      <c r="P65" s="12"/>
      <c r="Q65" s="52"/>
      <c r="R65" s="18"/>
    </row>
    <row r="66" spans="1:18" x14ac:dyDescent="0.2">
      <c r="A66" s="58"/>
      <c r="B66" s="11"/>
      <c r="C66" s="17"/>
      <c r="D66" s="13"/>
      <c r="E66" s="14"/>
      <c r="F66" s="15"/>
      <c r="G66" s="13"/>
      <c r="H66" s="13"/>
      <c r="I66" s="13"/>
      <c r="J66" s="14"/>
      <c r="K66" s="15"/>
      <c r="L66" s="13"/>
      <c r="M66" s="13"/>
      <c r="N66" s="13"/>
      <c r="O66" s="14"/>
      <c r="P66" s="12"/>
      <c r="Q66" s="52"/>
      <c r="R66" s="18"/>
    </row>
    <row r="67" spans="1:18" x14ac:dyDescent="0.2">
      <c r="A67" s="59"/>
      <c r="B67" s="21"/>
      <c r="C67" s="26"/>
      <c r="D67" s="23"/>
      <c r="E67" s="24"/>
      <c r="F67" s="25"/>
      <c r="G67" s="23"/>
      <c r="H67" s="23"/>
      <c r="I67" s="23"/>
      <c r="J67" s="24"/>
      <c r="K67" s="25"/>
      <c r="L67" s="23"/>
      <c r="M67" s="23"/>
      <c r="N67" s="23"/>
      <c r="O67" s="24"/>
      <c r="P67" s="22"/>
      <c r="Q67" s="53"/>
      <c r="R67" s="27"/>
    </row>
  </sheetData>
  <mergeCells count="16">
    <mergeCell ref="T1:AK1"/>
    <mergeCell ref="T2:T3"/>
    <mergeCell ref="U2:U3"/>
    <mergeCell ref="V2:V3"/>
    <mergeCell ref="W2:AH2"/>
    <mergeCell ref="AI2:AI3"/>
    <mergeCell ref="AJ2:AJ3"/>
    <mergeCell ref="AK2:AK3"/>
    <mergeCell ref="A1:R1"/>
    <mergeCell ref="A2:A3"/>
    <mergeCell ref="B2:B3"/>
    <mergeCell ref="C2:C3"/>
    <mergeCell ref="D2:O2"/>
    <mergeCell ref="P2:P3"/>
    <mergeCell ref="Q2:Q3"/>
    <mergeCell ref="R2:R3"/>
  </mergeCells>
  <printOptions horizontalCentered="1"/>
  <pageMargins left="0.15" right="0.15" top="0.75" bottom="0.25" header="0.55000000000000004" footer="0.05"/>
  <pageSetup paperSize="3" scale="95" fitToHeight="40" orientation="portrait" r:id="rId1"/>
  <headerFooter scaleWithDoc="0" alignWithMargins="0">
    <oddHeader>&amp;L&amp;12San Mateo - Hayward Br (Br #35-0054)&amp;C&amp;"-,Bold"&amp;12Defect Schedule&amp;R&amp;12&amp;D</oddHeader>
    <oddFooter>&amp;R&amp;10&amp;P/&amp;N</oddFooter>
  </headerFooter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B9DA5CA-CB3E-4893-B9DE-61416C51802F}">
  <sheetPr>
    <pageSetUpPr fitToPage="1"/>
  </sheetPr>
  <dimension ref="A1:AK66"/>
  <sheetViews>
    <sheetView view="pageBreakPreview" zoomScaleNormal="130" zoomScaleSheetLayoutView="100" workbookViewId="0">
      <selection sqref="A1:R1"/>
    </sheetView>
  </sheetViews>
  <sheetFormatPr defaultColWidth="8.7109375" defaultRowHeight="11.25" x14ac:dyDescent="0.2"/>
  <cols>
    <col min="1" max="1" width="5.42578125" style="81" customWidth="1"/>
    <col min="2" max="3" width="4.140625" style="75" customWidth="1"/>
    <col min="4" max="4" width="3.7109375" style="82" customWidth="1"/>
    <col min="5" max="5" width="3.7109375" style="83" customWidth="1"/>
    <col min="6" max="6" width="3.7109375" style="84" customWidth="1"/>
    <col min="7" max="9" width="3.7109375" style="82" customWidth="1"/>
    <col min="10" max="10" width="3.7109375" style="83" customWidth="1"/>
    <col min="11" max="11" width="3.7109375" style="84" customWidth="1"/>
    <col min="12" max="14" width="3.7109375" style="82" customWidth="1"/>
    <col min="15" max="15" width="4" style="83" customWidth="1"/>
    <col min="16" max="16" width="3.7109375" style="74" customWidth="1"/>
    <col min="17" max="17" width="3.7109375" style="85" customWidth="1"/>
    <col min="18" max="18" width="3.7109375" style="86" customWidth="1"/>
    <col min="19" max="19" width="3.42578125" style="71" customWidth="1"/>
    <col min="20" max="20" width="5.42578125" style="78" customWidth="1"/>
    <col min="21" max="22" width="4.140625" style="78" customWidth="1"/>
    <col min="23" max="33" width="3.7109375" style="78" customWidth="1"/>
    <col min="34" max="34" width="4" style="78" customWidth="1"/>
    <col min="35" max="37" width="3.7109375" style="78" customWidth="1"/>
    <col min="38" max="38" width="8.7109375" style="78"/>
    <col min="39" max="40" width="2.7109375" style="78" bestFit="1" customWidth="1"/>
    <col min="41" max="41" width="8.7109375" style="78"/>
    <col min="42" max="43" width="2.7109375" style="78" bestFit="1" customWidth="1"/>
    <col min="44" max="16384" width="8.7109375" style="78"/>
  </cols>
  <sheetData>
    <row r="1" spans="1:37" s="75" customFormat="1" ht="12" customHeight="1" x14ac:dyDescent="0.25">
      <c r="A1" s="73" t="s">
        <v>5</v>
      </c>
      <c r="B1" s="73"/>
      <c r="C1" s="73"/>
      <c r="D1" s="73"/>
      <c r="E1" s="73"/>
      <c r="F1" s="73"/>
      <c r="G1" s="73"/>
      <c r="H1" s="73"/>
      <c r="I1" s="73"/>
      <c r="J1" s="73"/>
      <c r="K1" s="73"/>
      <c r="L1" s="73"/>
      <c r="M1" s="73"/>
      <c r="N1" s="73"/>
      <c r="O1" s="73"/>
      <c r="P1" s="73"/>
      <c r="Q1" s="73"/>
      <c r="R1" s="73"/>
      <c r="S1" s="74"/>
      <c r="T1" s="73" t="s">
        <v>5</v>
      </c>
      <c r="U1" s="73"/>
      <c r="V1" s="73"/>
      <c r="W1" s="73"/>
      <c r="X1" s="73"/>
      <c r="Y1" s="73"/>
      <c r="Z1" s="73"/>
      <c r="AA1" s="73"/>
      <c r="AB1" s="73"/>
      <c r="AC1" s="73"/>
      <c r="AD1" s="73"/>
      <c r="AE1" s="73"/>
      <c r="AF1" s="73"/>
      <c r="AG1" s="73"/>
      <c r="AH1" s="73"/>
      <c r="AI1" s="73"/>
      <c r="AJ1" s="73"/>
      <c r="AK1" s="73"/>
    </row>
    <row r="2" spans="1:37" s="75" customFormat="1" ht="15" customHeight="1" x14ac:dyDescent="0.25">
      <c r="A2" s="76" t="s">
        <v>1103</v>
      </c>
      <c r="B2" s="76" t="s">
        <v>1104</v>
      </c>
      <c r="C2" s="73" t="s">
        <v>6</v>
      </c>
      <c r="D2" s="73" t="s">
        <v>260</v>
      </c>
      <c r="E2" s="73"/>
      <c r="F2" s="73"/>
      <c r="G2" s="73"/>
      <c r="H2" s="73"/>
      <c r="I2" s="73"/>
      <c r="J2" s="73"/>
      <c r="K2" s="73"/>
      <c r="L2" s="73"/>
      <c r="M2" s="73"/>
      <c r="N2" s="73"/>
      <c r="O2" s="73"/>
      <c r="P2" s="73" t="s">
        <v>7</v>
      </c>
      <c r="Q2" s="72" t="s">
        <v>8</v>
      </c>
      <c r="R2" s="72" t="s">
        <v>1105</v>
      </c>
      <c r="S2" s="74"/>
      <c r="T2" s="76" t="s">
        <v>1103</v>
      </c>
      <c r="U2" s="76" t="s">
        <v>1104</v>
      </c>
      <c r="V2" s="73" t="s">
        <v>6</v>
      </c>
      <c r="W2" s="73" t="s">
        <v>260</v>
      </c>
      <c r="X2" s="73"/>
      <c r="Y2" s="73"/>
      <c r="Z2" s="73"/>
      <c r="AA2" s="73"/>
      <c r="AB2" s="73"/>
      <c r="AC2" s="73"/>
      <c r="AD2" s="73"/>
      <c r="AE2" s="73"/>
      <c r="AF2" s="73"/>
      <c r="AG2" s="73"/>
      <c r="AH2" s="73"/>
      <c r="AI2" s="73" t="s">
        <v>7</v>
      </c>
      <c r="AJ2" s="72" t="s">
        <v>8</v>
      </c>
      <c r="AK2" s="72" t="s">
        <v>1105</v>
      </c>
    </row>
    <row r="3" spans="1:37" ht="25.5" customHeight="1" x14ac:dyDescent="0.2">
      <c r="A3" s="76"/>
      <c r="B3" s="76"/>
      <c r="C3" s="73"/>
      <c r="D3" s="77">
        <v>12</v>
      </c>
      <c r="E3" s="77">
        <v>11</v>
      </c>
      <c r="F3" s="77">
        <v>10</v>
      </c>
      <c r="G3" s="77">
        <v>9</v>
      </c>
      <c r="H3" s="77">
        <v>8</v>
      </c>
      <c r="I3" s="77">
        <v>7</v>
      </c>
      <c r="J3" s="77">
        <v>6</v>
      </c>
      <c r="K3" s="77">
        <v>5</v>
      </c>
      <c r="L3" s="77">
        <v>4</v>
      </c>
      <c r="M3" s="77">
        <v>3</v>
      </c>
      <c r="N3" s="77">
        <v>2</v>
      </c>
      <c r="O3" s="77">
        <v>1</v>
      </c>
      <c r="P3" s="73"/>
      <c r="Q3" s="72"/>
      <c r="R3" s="72"/>
      <c r="T3" s="76"/>
      <c r="U3" s="76"/>
      <c r="V3" s="73"/>
      <c r="W3" s="77">
        <v>12</v>
      </c>
      <c r="X3" s="77">
        <v>11</v>
      </c>
      <c r="Y3" s="77">
        <v>10</v>
      </c>
      <c r="Z3" s="77">
        <v>9</v>
      </c>
      <c r="AA3" s="77">
        <v>8</v>
      </c>
      <c r="AB3" s="77">
        <v>7</v>
      </c>
      <c r="AC3" s="77">
        <v>6</v>
      </c>
      <c r="AD3" s="77">
        <v>5</v>
      </c>
      <c r="AE3" s="77">
        <v>4</v>
      </c>
      <c r="AF3" s="77">
        <v>3</v>
      </c>
      <c r="AG3" s="77">
        <v>2</v>
      </c>
      <c r="AH3" s="77">
        <v>1</v>
      </c>
      <c r="AI3" s="73"/>
      <c r="AJ3" s="72"/>
      <c r="AK3" s="72"/>
    </row>
    <row r="4" spans="1:37" x14ac:dyDescent="0.2">
      <c r="A4" s="63" t="s">
        <v>207</v>
      </c>
      <c r="B4" s="44" t="s">
        <v>259</v>
      </c>
      <c r="C4" s="45"/>
      <c r="D4" s="46"/>
      <c r="E4" s="47"/>
      <c r="F4" s="48"/>
      <c r="G4" s="46"/>
      <c r="H4" s="46"/>
      <c r="I4" s="46"/>
      <c r="J4" s="47"/>
      <c r="K4" s="48"/>
      <c r="L4" s="46"/>
      <c r="M4" s="46"/>
      <c r="N4" s="46"/>
      <c r="O4" s="47" t="s">
        <v>0</v>
      </c>
      <c r="P4" s="49"/>
      <c r="Q4" s="56">
        <v>4</v>
      </c>
      <c r="R4" s="50" t="s">
        <v>259</v>
      </c>
      <c r="T4" s="63" t="s">
        <v>329</v>
      </c>
      <c r="U4" s="44">
        <v>44</v>
      </c>
      <c r="V4" s="45"/>
      <c r="W4" s="46"/>
      <c r="X4" s="47"/>
      <c r="Y4" s="48"/>
      <c r="Z4" s="46"/>
      <c r="AA4" s="46"/>
      <c r="AB4" s="46"/>
      <c r="AC4" s="47"/>
      <c r="AD4" s="48"/>
      <c r="AE4" s="46"/>
      <c r="AF4" s="46"/>
      <c r="AG4" s="46"/>
      <c r="AH4" s="47"/>
      <c r="AI4" s="49"/>
      <c r="AJ4" s="56"/>
      <c r="AK4" s="50"/>
    </row>
    <row r="5" spans="1:37" x14ac:dyDescent="0.2">
      <c r="A5" s="58" t="s">
        <v>359</v>
      </c>
      <c r="B5" s="10">
        <v>36</v>
      </c>
      <c r="C5" s="12"/>
      <c r="D5" s="13"/>
      <c r="E5" s="14"/>
      <c r="F5" s="15"/>
      <c r="G5" s="13"/>
      <c r="H5" s="13"/>
      <c r="I5" s="13"/>
      <c r="J5" s="14"/>
      <c r="K5" s="15"/>
      <c r="L5" s="13"/>
      <c r="M5" s="13"/>
      <c r="N5" s="13"/>
      <c r="O5" s="14"/>
      <c r="P5" s="12"/>
      <c r="Q5" s="52"/>
      <c r="R5" s="18"/>
      <c r="T5" s="58">
        <v>1072</v>
      </c>
      <c r="U5" s="10" t="s">
        <v>259</v>
      </c>
      <c r="V5" s="12"/>
      <c r="W5" s="13"/>
      <c r="X5" s="14"/>
      <c r="Y5" s="15"/>
      <c r="Z5" s="13"/>
      <c r="AA5" s="13"/>
      <c r="AB5" s="13" t="s">
        <v>2</v>
      </c>
      <c r="AC5" s="14"/>
      <c r="AD5" s="15"/>
      <c r="AE5" s="13"/>
      <c r="AF5" s="13"/>
      <c r="AG5" s="13"/>
      <c r="AH5" s="14"/>
      <c r="AI5" s="12"/>
      <c r="AJ5" s="52" t="s">
        <v>259</v>
      </c>
      <c r="AK5" s="18">
        <v>4</v>
      </c>
    </row>
    <row r="6" spans="1:37" x14ac:dyDescent="0.2">
      <c r="A6" s="58">
        <v>1042</v>
      </c>
      <c r="B6" s="10" t="s">
        <v>259</v>
      </c>
      <c r="C6" s="17"/>
      <c r="D6" s="13"/>
      <c r="E6" s="14"/>
      <c r="F6" s="15"/>
      <c r="G6" s="13"/>
      <c r="H6" s="13"/>
      <c r="I6" s="13" t="s">
        <v>2</v>
      </c>
      <c r="J6" s="14"/>
      <c r="K6" s="15"/>
      <c r="L6" s="13"/>
      <c r="M6" s="13"/>
      <c r="N6" s="13"/>
      <c r="O6" s="14"/>
      <c r="P6" s="12"/>
      <c r="Q6" s="52" t="s">
        <v>259</v>
      </c>
      <c r="R6" s="18">
        <v>4</v>
      </c>
      <c r="T6" s="58" t="s">
        <v>215</v>
      </c>
      <c r="U6" s="10" t="s">
        <v>259</v>
      </c>
      <c r="V6" s="17"/>
      <c r="W6" s="13"/>
      <c r="X6" s="14"/>
      <c r="Y6" s="15"/>
      <c r="Z6" s="13"/>
      <c r="AA6" s="13"/>
      <c r="AB6" s="13"/>
      <c r="AC6" s="14" t="s">
        <v>0</v>
      </c>
      <c r="AD6" s="15" t="s">
        <v>0</v>
      </c>
      <c r="AE6" s="13"/>
      <c r="AF6" s="13"/>
      <c r="AG6" s="13"/>
      <c r="AH6" s="14"/>
      <c r="AI6" s="12"/>
      <c r="AJ6" s="52">
        <v>4</v>
      </c>
      <c r="AK6" s="18" t="s">
        <v>259</v>
      </c>
    </row>
    <row r="7" spans="1:37" x14ac:dyDescent="0.2">
      <c r="A7" s="58" t="s">
        <v>208</v>
      </c>
      <c r="B7" s="10" t="s">
        <v>259</v>
      </c>
      <c r="C7" s="17"/>
      <c r="D7" s="34"/>
      <c r="E7" s="35"/>
      <c r="F7" s="36"/>
      <c r="G7" s="34"/>
      <c r="H7" s="34"/>
      <c r="I7" s="34"/>
      <c r="J7" s="35"/>
      <c r="K7" s="36"/>
      <c r="L7" s="34"/>
      <c r="M7" s="34"/>
      <c r="N7" s="34"/>
      <c r="O7" s="35"/>
      <c r="P7" s="12"/>
      <c r="Q7" s="52">
        <v>5</v>
      </c>
      <c r="R7" s="18" t="s">
        <v>259</v>
      </c>
      <c r="T7" s="58" t="s">
        <v>328</v>
      </c>
      <c r="U7" s="10">
        <v>22</v>
      </c>
      <c r="V7" s="12"/>
      <c r="W7" s="13"/>
      <c r="X7" s="14"/>
      <c r="Y7" s="15"/>
      <c r="Z7" s="13"/>
      <c r="AA7" s="13"/>
      <c r="AB7" s="13"/>
      <c r="AC7" s="14"/>
      <c r="AD7" s="15"/>
      <c r="AE7" s="13"/>
      <c r="AF7" s="13"/>
      <c r="AG7" s="13"/>
      <c r="AH7" s="14"/>
      <c r="AI7" s="12"/>
      <c r="AJ7" s="52"/>
      <c r="AK7" s="18"/>
    </row>
    <row r="8" spans="1:37" x14ac:dyDescent="0.2">
      <c r="A8" s="59" t="s">
        <v>358</v>
      </c>
      <c r="B8" s="20">
        <v>61</v>
      </c>
      <c r="C8" s="22"/>
      <c r="D8" s="23"/>
      <c r="E8" s="24"/>
      <c r="F8" s="25"/>
      <c r="G8" s="23"/>
      <c r="H8" s="23"/>
      <c r="I8" s="23"/>
      <c r="J8" s="24"/>
      <c r="K8" s="25"/>
      <c r="L8" s="23"/>
      <c r="M8" s="23"/>
      <c r="N8" s="23"/>
      <c r="O8" s="24"/>
      <c r="P8" s="22"/>
      <c r="Q8" s="53"/>
      <c r="R8" s="27"/>
      <c r="T8" s="59">
        <v>1073</v>
      </c>
      <c r="U8" s="20" t="s">
        <v>259</v>
      </c>
      <c r="V8" s="22"/>
      <c r="W8" s="23"/>
      <c r="X8" s="24"/>
      <c r="Y8" s="25"/>
      <c r="Z8" s="23"/>
      <c r="AA8" s="23"/>
      <c r="AB8" s="23"/>
      <c r="AC8" s="24"/>
      <c r="AD8" s="25"/>
      <c r="AE8" s="23" t="s">
        <v>1</v>
      </c>
      <c r="AF8" s="23"/>
      <c r="AG8" s="23"/>
      <c r="AH8" s="24"/>
      <c r="AI8" s="22"/>
      <c r="AJ8" s="53">
        <v>4</v>
      </c>
      <c r="AK8" s="27" t="s">
        <v>259</v>
      </c>
    </row>
    <row r="9" spans="1:37" x14ac:dyDescent="0.2">
      <c r="A9" s="60" t="s">
        <v>209</v>
      </c>
      <c r="B9" s="1" t="s">
        <v>259</v>
      </c>
      <c r="C9" s="7"/>
      <c r="D9" s="40"/>
      <c r="E9" s="41"/>
      <c r="F9" s="42"/>
      <c r="G9" s="40"/>
      <c r="H9" s="40"/>
      <c r="I9" s="40"/>
      <c r="J9" s="41"/>
      <c r="K9" s="42" t="s">
        <v>0</v>
      </c>
      <c r="L9" s="40"/>
      <c r="M9" s="40"/>
      <c r="N9" s="40"/>
      <c r="O9" s="41"/>
      <c r="P9" s="7"/>
      <c r="Q9" s="51">
        <v>4</v>
      </c>
      <c r="R9" s="8" t="s">
        <v>259</v>
      </c>
      <c r="T9" s="60" t="s">
        <v>327</v>
      </c>
      <c r="U9" s="1">
        <v>36</v>
      </c>
      <c r="V9" s="3"/>
      <c r="W9" s="4"/>
      <c r="X9" s="5"/>
      <c r="Y9" s="6"/>
      <c r="Z9" s="4"/>
      <c r="AA9" s="4"/>
      <c r="AB9" s="4"/>
      <c r="AC9" s="5"/>
      <c r="AD9" s="6"/>
      <c r="AE9" s="4"/>
      <c r="AF9" s="4"/>
      <c r="AG9" s="4"/>
      <c r="AH9" s="5"/>
      <c r="AI9" s="3"/>
      <c r="AJ9" s="51"/>
      <c r="AK9" s="8"/>
    </row>
    <row r="10" spans="1:37" x14ac:dyDescent="0.2">
      <c r="A10" s="58" t="s">
        <v>357</v>
      </c>
      <c r="B10" s="10">
        <v>27</v>
      </c>
      <c r="C10" s="12"/>
      <c r="D10" s="13"/>
      <c r="E10" s="14"/>
      <c r="F10" s="15"/>
      <c r="G10" s="13"/>
      <c r="H10" s="13"/>
      <c r="I10" s="13"/>
      <c r="J10" s="14"/>
      <c r="K10" s="15"/>
      <c r="L10" s="13"/>
      <c r="M10" s="13"/>
      <c r="N10" s="13"/>
      <c r="O10" s="14"/>
      <c r="P10" s="12"/>
      <c r="Q10" s="52"/>
      <c r="R10" s="18"/>
      <c r="T10" s="58" t="s">
        <v>326</v>
      </c>
      <c r="U10" s="10">
        <v>27</v>
      </c>
      <c r="V10" s="12"/>
      <c r="W10" s="13"/>
      <c r="X10" s="14"/>
      <c r="Y10" s="15"/>
      <c r="Z10" s="13"/>
      <c r="AA10" s="13"/>
      <c r="AB10" s="13"/>
      <c r="AC10" s="14"/>
      <c r="AD10" s="15"/>
      <c r="AE10" s="13"/>
      <c r="AF10" s="13"/>
      <c r="AG10" s="13"/>
      <c r="AH10" s="14"/>
      <c r="AI10" s="12"/>
      <c r="AJ10" s="52"/>
      <c r="AK10" s="18"/>
    </row>
    <row r="11" spans="1:37" x14ac:dyDescent="0.2">
      <c r="A11" s="58" t="s">
        <v>356</v>
      </c>
      <c r="B11" s="10">
        <v>44</v>
      </c>
      <c r="C11" s="12"/>
      <c r="D11" s="13"/>
      <c r="E11" s="14"/>
      <c r="F11" s="15"/>
      <c r="G11" s="13"/>
      <c r="H11" s="13"/>
      <c r="I11" s="13"/>
      <c r="J11" s="14"/>
      <c r="K11" s="15"/>
      <c r="L11" s="13"/>
      <c r="M11" s="13"/>
      <c r="N11" s="13"/>
      <c r="O11" s="14"/>
      <c r="P11" s="12"/>
      <c r="Q11" s="52"/>
      <c r="R11" s="18"/>
      <c r="T11" s="58" t="s">
        <v>325</v>
      </c>
      <c r="U11" s="10">
        <v>31</v>
      </c>
      <c r="V11" s="12"/>
      <c r="W11" s="13"/>
      <c r="X11" s="14"/>
      <c r="Y11" s="15"/>
      <c r="Z11" s="13"/>
      <c r="AA11" s="13"/>
      <c r="AB11" s="13"/>
      <c r="AC11" s="14"/>
      <c r="AD11" s="15"/>
      <c r="AE11" s="13"/>
      <c r="AF11" s="13"/>
      <c r="AG11" s="13"/>
      <c r="AH11" s="14"/>
      <c r="AI11" s="12"/>
      <c r="AJ11" s="52"/>
      <c r="AK11" s="18"/>
    </row>
    <row r="12" spans="1:37" x14ac:dyDescent="0.2">
      <c r="A12" s="58" t="s">
        <v>355</v>
      </c>
      <c r="B12" s="10">
        <v>31</v>
      </c>
      <c r="C12" s="12"/>
      <c r="D12" s="13"/>
      <c r="E12" s="14"/>
      <c r="F12" s="15"/>
      <c r="G12" s="13"/>
      <c r="H12" s="13"/>
      <c r="I12" s="13"/>
      <c r="J12" s="14"/>
      <c r="K12" s="15"/>
      <c r="L12" s="13"/>
      <c r="M12" s="13"/>
      <c r="N12" s="13"/>
      <c r="O12" s="14"/>
      <c r="P12" s="12"/>
      <c r="Q12" s="52"/>
      <c r="R12" s="18"/>
      <c r="T12" s="58">
        <v>1076</v>
      </c>
      <c r="U12" s="10" t="s">
        <v>259</v>
      </c>
      <c r="V12" s="12"/>
      <c r="W12" s="13"/>
      <c r="X12" s="14"/>
      <c r="Y12" s="15"/>
      <c r="Z12" s="13"/>
      <c r="AA12" s="13"/>
      <c r="AB12" s="13"/>
      <c r="AC12" s="14"/>
      <c r="AD12" s="15" t="s">
        <v>2</v>
      </c>
      <c r="AE12" s="13"/>
      <c r="AF12" s="13"/>
      <c r="AG12" s="13"/>
      <c r="AH12" s="14"/>
      <c r="AI12" s="12"/>
      <c r="AJ12" s="52" t="s">
        <v>259</v>
      </c>
      <c r="AK12" s="18">
        <v>4</v>
      </c>
    </row>
    <row r="13" spans="1:37" x14ac:dyDescent="0.2">
      <c r="A13" s="59">
        <v>1046</v>
      </c>
      <c r="B13" s="20" t="s">
        <v>259</v>
      </c>
      <c r="C13" s="26"/>
      <c r="D13" s="23"/>
      <c r="E13" s="24"/>
      <c r="F13" s="25"/>
      <c r="G13" s="23"/>
      <c r="H13" s="23"/>
      <c r="I13" s="23"/>
      <c r="J13" s="24"/>
      <c r="K13" s="25"/>
      <c r="L13" s="23"/>
      <c r="M13" s="23"/>
      <c r="N13" s="23" t="s">
        <v>2</v>
      </c>
      <c r="O13" s="24"/>
      <c r="P13" s="22"/>
      <c r="Q13" s="53" t="s">
        <v>259</v>
      </c>
      <c r="R13" s="27">
        <v>4</v>
      </c>
      <c r="T13" s="59" t="s">
        <v>216</v>
      </c>
      <c r="U13" s="20" t="s">
        <v>259</v>
      </c>
      <c r="V13" s="22"/>
      <c r="W13" s="23"/>
      <c r="X13" s="24"/>
      <c r="Y13" s="25"/>
      <c r="Z13" s="23"/>
      <c r="AA13" s="23"/>
      <c r="AB13" s="23"/>
      <c r="AC13" s="24"/>
      <c r="AD13" s="25" t="s">
        <v>0</v>
      </c>
      <c r="AE13" s="23"/>
      <c r="AF13" s="23"/>
      <c r="AG13" s="23"/>
      <c r="AH13" s="24"/>
      <c r="AI13" s="22"/>
      <c r="AJ13" s="53">
        <v>4</v>
      </c>
      <c r="AK13" s="27" t="s">
        <v>259</v>
      </c>
    </row>
    <row r="14" spans="1:37" x14ac:dyDescent="0.2">
      <c r="A14" s="60" t="s">
        <v>354</v>
      </c>
      <c r="B14" s="1">
        <v>49</v>
      </c>
      <c r="C14" s="3"/>
      <c r="D14" s="4"/>
      <c r="E14" s="5"/>
      <c r="F14" s="6"/>
      <c r="G14" s="4"/>
      <c r="H14" s="4"/>
      <c r="I14" s="4"/>
      <c r="J14" s="5"/>
      <c r="K14" s="6"/>
      <c r="L14" s="4"/>
      <c r="M14" s="4"/>
      <c r="N14" s="4"/>
      <c r="O14" s="5"/>
      <c r="P14" s="3"/>
      <c r="Q14" s="51"/>
      <c r="R14" s="8"/>
      <c r="T14" s="60" t="s">
        <v>324</v>
      </c>
      <c r="U14" s="1">
        <v>22</v>
      </c>
      <c r="V14" s="3"/>
      <c r="W14" s="4"/>
      <c r="X14" s="5"/>
      <c r="Y14" s="6"/>
      <c r="Z14" s="4"/>
      <c r="AA14" s="4"/>
      <c r="AB14" s="4"/>
      <c r="AC14" s="5"/>
      <c r="AD14" s="6"/>
      <c r="AE14" s="4"/>
      <c r="AF14" s="4"/>
      <c r="AG14" s="4"/>
      <c r="AH14" s="5"/>
      <c r="AI14" s="3"/>
      <c r="AJ14" s="51"/>
      <c r="AK14" s="8"/>
    </row>
    <row r="15" spans="1:37" x14ac:dyDescent="0.2">
      <c r="A15" s="58" t="s">
        <v>210</v>
      </c>
      <c r="B15" s="10" t="s">
        <v>259</v>
      </c>
      <c r="C15" s="17"/>
      <c r="D15" s="34"/>
      <c r="E15" s="35"/>
      <c r="F15" s="36"/>
      <c r="G15" s="34"/>
      <c r="H15" s="34"/>
      <c r="I15" s="34"/>
      <c r="J15" s="35" t="s">
        <v>0</v>
      </c>
      <c r="K15" s="36" t="s">
        <v>0</v>
      </c>
      <c r="L15" s="34"/>
      <c r="M15" s="34"/>
      <c r="N15" s="34" t="s">
        <v>0</v>
      </c>
      <c r="O15" s="35"/>
      <c r="P15" s="17"/>
      <c r="Q15" s="52">
        <v>11</v>
      </c>
      <c r="R15" s="18" t="s">
        <v>259</v>
      </c>
      <c r="T15" s="58" t="s">
        <v>217</v>
      </c>
      <c r="U15" s="10" t="s">
        <v>259</v>
      </c>
      <c r="V15" s="17"/>
      <c r="W15" s="13"/>
      <c r="X15" s="14"/>
      <c r="Y15" s="15"/>
      <c r="Z15" s="13"/>
      <c r="AA15" s="13"/>
      <c r="AB15" s="13"/>
      <c r="AC15" s="14"/>
      <c r="AD15" s="15"/>
      <c r="AE15" s="13"/>
      <c r="AF15" s="13"/>
      <c r="AG15" s="13" t="s">
        <v>0</v>
      </c>
      <c r="AH15" s="14"/>
      <c r="AI15" s="12"/>
      <c r="AJ15" s="52">
        <v>4</v>
      </c>
      <c r="AK15" s="18" t="s">
        <v>259</v>
      </c>
    </row>
    <row r="16" spans="1:37" x14ac:dyDescent="0.2">
      <c r="A16" s="58" t="s">
        <v>353</v>
      </c>
      <c r="B16" s="10">
        <v>31</v>
      </c>
      <c r="C16" s="12"/>
      <c r="D16" s="13"/>
      <c r="E16" s="14"/>
      <c r="F16" s="15"/>
      <c r="G16" s="13"/>
      <c r="H16" s="13"/>
      <c r="I16" s="13"/>
      <c r="J16" s="14"/>
      <c r="K16" s="15"/>
      <c r="L16" s="13"/>
      <c r="M16" s="13"/>
      <c r="N16" s="13"/>
      <c r="O16" s="14"/>
      <c r="P16" s="12"/>
      <c r="Q16" s="52"/>
      <c r="R16" s="18"/>
      <c r="T16" s="58" t="s">
        <v>323</v>
      </c>
      <c r="U16" s="10">
        <v>27</v>
      </c>
      <c r="V16" s="12"/>
      <c r="W16" s="13"/>
      <c r="X16" s="14"/>
      <c r="Y16" s="15"/>
      <c r="Z16" s="13"/>
      <c r="AA16" s="13"/>
      <c r="AB16" s="13"/>
      <c r="AC16" s="14"/>
      <c r="AD16" s="15"/>
      <c r="AE16" s="13"/>
      <c r="AF16" s="13"/>
      <c r="AG16" s="13"/>
      <c r="AH16" s="14"/>
      <c r="AI16" s="12"/>
      <c r="AJ16" s="52"/>
      <c r="AK16" s="18"/>
    </row>
    <row r="17" spans="1:37" x14ac:dyDescent="0.2">
      <c r="A17" s="58">
        <v>1048</v>
      </c>
      <c r="B17" s="10" t="s">
        <v>259</v>
      </c>
      <c r="C17" s="12"/>
      <c r="D17" s="13"/>
      <c r="E17" s="14"/>
      <c r="F17" s="15"/>
      <c r="G17" s="13"/>
      <c r="H17" s="13"/>
      <c r="I17" s="13"/>
      <c r="J17" s="14"/>
      <c r="K17" s="15"/>
      <c r="L17" s="13" t="s">
        <v>1</v>
      </c>
      <c r="M17" s="13"/>
      <c r="N17" s="13"/>
      <c r="O17" s="14"/>
      <c r="P17" s="12"/>
      <c r="Q17" s="52">
        <v>1</v>
      </c>
      <c r="R17" s="18" t="s">
        <v>259</v>
      </c>
      <c r="T17" s="58">
        <v>1078</v>
      </c>
      <c r="U17" s="10" t="s">
        <v>259</v>
      </c>
      <c r="V17" s="12"/>
      <c r="W17" s="13"/>
      <c r="X17" s="14"/>
      <c r="Y17" s="15"/>
      <c r="Z17" s="13"/>
      <c r="AA17" s="13"/>
      <c r="AB17" s="13"/>
      <c r="AC17" s="14" t="s">
        <v>2</v>
      </c>
      <c r="AD17" s="15"/>
      <c r="AE17" s="13"/>
      <c r="AF17" s="13"/>
      <c r="AG17" s="13"/>
      <c r="AH17" s="14"/>
      <c r="AI17" s="12"/>
      <c r="AJ17" s="52" t="s">
        <v>259</v>
      </c>
      <c r="AK17" s="18">
        <v>4</v>
      </c>
    </row>
    <row r="18" spans="1:37" x14ac:dyDescent="0.2">
      <c r="A18" s="59">
        <v>1048</v>
      </c>
      <c r="B18" s="20" t="s">
        <v>259</v>
      </c>
      <c r="C18" s="22"/>
      <c r="D18" s="23"/>
      <c r="E18" s="24"/>
      <c r="F18" s="25"/>
      <c r="G18" s="23"/>
      <c r="H18" s="23"/>
      <c r="I18" s="23"/>
      <c r="J18" s="24"/>
      <c r="K18" s="25"/>
      <c r="L18" s="23"/>
      <c r="M18" s="23" t="s">
        <v>2</v>
      </c>
      <c r="N18" s="23"/>
      <c r="O18" s="24"/>
      <c r="P18" s="22"/>
      <c r="Q18" s="53" t="s">
        <v>259</v>
      </c>
      <c r="R18" s="27">
        <v>4</v>
      </c>
      <c r="T18" s="59" t="s">
        <v>218</v>
      </c>
      <c r="U18" s="20" t="s">
        <v>259</v>
      </c>
      <c r="V18" s="26"/>
      <c r="W18" s="23"/>
      <c r="X18" s="24"/>
      <c r="Y18" s="25"/>
      <c r="Z18" s="23"/>
      <c r="AA18" s="23"/>
      <c r="AB18" s="23"/>
      <c r="AC18" s="24"/>
      <c r="AD18" s="25"/>
      <c r="AE18" s="23"/>
      <c r="AF18" s="23" t="s">
        <v>0</v>
      </c>
      <c r="AG18" s="23"/>
      <c r="AH18" s="24" t="s">
        <v>0</v>
      </c>
      <c r="AI18" s="22"/>
      <c r="AJ18" s="53">
        <v>8</v>
      </c>
      <c r="AK18" s="27" t="s">
        <v>259</v>
      </c>
    </row>
    <row r="19" spans="1:37" x14ac:dyDescent="0.2">
      <c r="A19" s="60" t="s">
        <v>352</v>
      </c>
      <c r="B19" s="1">
        <v>36</v>
      </c>
      <c r="C19" s="3"/>
      <c r="D19" s="4"/>
      <c r="E19" s="5"/>
      <c r="F19" s="6"/>
      <c r="G19" s="4"/>
      <c r="H19" s="4"/>
      <c r="I19" s="4"/>
      <c r="J19" s="5"/>
      <c r="K19" s="6"/>
      <c r="L19" s="4"/>
      <c r="M19" s="4"/>
      <c r="N19" s="4"/>
      <c r="O19" s="5"/>
      <c r="P19" s="3"/>
      <c r="Q19" s="51"/>
      <c r="R19" s="8"/>
      <c r="T19" s="60" t="s">
        <v>322</v>
      </c>
      <c r="U19" s="1">
        <v>31</v>
      </c>
      <c r="V19" s="3"/>
      <c r="W19" s="4"/>
      <c r="X19" s="5"/>
      <c r="Y19" s="6"/>
      <c r="Z19" s="4"/>
      <c r="AA19" s="4"/>
      <c r="AB19" s="4"/>
      <c r="AC19" s="5"/>
      <c r="AD19" s="6"/>
      <c r="AE19" s="4"/>
      <c r="AF19" s="4"/>
      <c r="AG19" s="4"/>
      <c r="AH19" s="5"/>
      <c r="AI19" s="3"/>
      <c r="AJ19" s="51"/>
      <c r="AK19" s="8"/>
    </row>
    <row r="20" spans="1:37" x14ac:dyDescent="0.2">
      <c r="A20" s="58" t="s">
        <v>351</v>
      </c>
      <c r="B20" s="10">
        <v>49</v>
      </c>
      <c r="C20" s="12"/>
      <c r="D20" s="13"/>
      <c r="E20" s="14"/>
      <c r="F20" s="15"/>
      <c r="G20" s="13"/>
      <c r="H20" s="13"/>
      <c r="I20" s="13"/>
      <c r="J20" s="14"/>
      <c r="K20" s="15"/>
      <c r="L20" s="13"/>
      <c r="M20" s="13"/>
      <c r="N20" s="13"/>
      <c r="O20" s="14"/>
      <c r="P20" s="12"/>
      <c r="Q20" s="52"/>
      <c r="R20" s="18"/>
      <c r="T20" s="58" t="s">
        <v>321</v>
      </c>
      <c r="U20" s="10">
        <v>31</v>
      </c>
      <c r="V20" s="12"/>
      <c r="W20" s="13"/>
      <c r="X20" s="14"/>
      <c r="Y20" s="15"/>
      <c r="Z20" s="13"/>
      <c r="AA20" s="13"/>
      <c r="AB20" s="13"/>
      <c r="AC20" s="14"/>
      <c r="AD20" s="15"/>
      <c r="AE20" s="13"/>
      <c r="AF20" s="13"/>
      <c r="AG20" s="13"/>
      <c r="AH20" s="14"/>
      <c r="AI20" s="12"/>
      <c r="AJ20" s="52"/>
      <c r="AK20" s="18"/>
    </row>
    <row r="21" spans="1:37" x14ac:dyDescent="0.2">
      <c r="A21" s="58">
        <v>1050</v>
      </c>
      <c r="B21" s="10" t="s">
        <v>259</v>
      </c>
      <c r="C21" s="17"/>
      <c r="D21" s="34"/>
      <c r="E21" s="35"/>
      <c r="F21" s="36"/>
      <c r="G21" s="34"/>
      <c r="H21" s="34"/>
      <c r="I21" s="34"/>
      <c r="J21" s="35"/>
      <c r="K21" s="36"/>
      <c r="L21" s="34"/>
      <c r="M21" s="34"/>
      <c r="N21" s="34"/>
      <c r="O21" s="35" t="s">
        <v>3</v>
      </c>
      <c r="P21" s="12"/>
      <c r="Q21" s="52">
        <v>11</v>
      </c>
      <c r="R21" s="18" t="s">
        <v>259</v>
      </c>
      <c r="T21" s="58">
        <v>1080</v>
      </c>
      <c r="U21" s="10" t="s">
        <v>259</v>
      </c>
      <c r="V21" s="12"/>
      <c r="W21" s="13"/>
      <c r="X21" s="14"/>
      <c r="Y21" s="15"/>
      <c r="Z21" s="13"/>
      <c r="AA21" s="13"/>
      <c r="AB21" s="13"/>
      <c r="AC21" s="14"/>
      <c r="AD21" s="15"/>
      <c r="AE21" s="13"/>
      <c r="AF21" s="13" t="s">
        <v>2</v>
      </c>
      <c r="AG21" s="13" t="s">
        <v>2</v>
      </c>
      <c r="AH21" s="14"/>
      <c r="AI21" s="12"/>
      <c r="AJ21" s="52" t="s">
        <v>259</v>
      </c>
      <c r="AK21" s="18">
        <v>8</v>
      </c>
    </row>
    <row r="22" spans="1:37" x14ac:dyDescent="0.2">
      <c r="A22" s="58" t="s">
        <v>350</v>
      </c>
      <c r="B22" s="10">
        <v>27</v>
      </c>
      <c r="C22" s="12"/>
      <c r="D22" s="13"/>
      <c r="E22" s="14"/>
      <c r="F22" s="15"/>
      <c r="G22" s="13"/>
      <c r="H22" s="13"/>
      <c r="I22" s="13"/>
      <c r="J22" s="14"/>
      <c r="K22" s="15"/>
      <c r="L22" s="13"/>
      <c r="M22" s="13"/>
      <c r="N22" s="13"/>
      <c r="O22" s="14"/>
      <c r="P22" s="12"/>
      <c r="Q22" s="52"/>
      <c r="R22" s="18"/>
      <c r="T22" s="58" t="s">
        <v>219</v>
      </c>
      <c r="U22" s="10" t="s">
        <v>259</v>
      </c>
      <c r="V22" s="17"/>
      <c r="W22" s="13"/>
      <c r="X22" s="14"/>
      <c r="Y22" s="15"/>
      <c r="Z22" s="13"/>
      <c r="AA22" s="13"/>
      <c r="AB22" s="13"/>
      <c r="AC22" s="14"/>
      <c r="AD22" s="15" t="s">
        <v>0</v>
      </c>
      <c r="AE22" s="13"/>
      <c r="AF22" s="13"/>
      <c r="AG22" s="13"/>
      <c r="AH22" s="14"/>
      <c r="AI22" s="12"/>
      <c r="AJ22" s="52">
        <v>4</v>
      </c>
      <c r="AK22" s="18" t="s">
        <v>259</v>
      </c>
    </row>
    <row r="23" spans="1:37" x14ac:dyDescent="0.2">
      <c r="A23" s="59" t="s">
        <v>211</v>
      </c>
      <c r="B23" s="20" t="s">
        <v>259</v>
      </c>
      <c r="C23" s="26"/>
      <c r="D23" s="23"/>
      <c r="E23" s="24"/>
      <c r="F23" s="25"/>
      <c r="G23" s="23"/>
      <c r="H23" s="23"/>
      <c r="I23" s="23"/>
      <c r="J23" s="24"/>
      <c r="K23" s="25" t="s">
        <v>0</v>
      </c>
      <c r="L23" s="23"/>
      <c r="M23" s="23"/>
      <c r="N23" s="23"/>
      <c r="O23" s="24"/>
      <c r="P23" s="22"/>
      <c r="Q23" s="53">
        <v>4</v>
      </c>
      <c r="R23" s="27" t="s">
        <v>259</v>
      </c>
      <c r="T23" s="59" t="s">
        <v>320</v>
      </c>
      <c r="U23" s="20">
        <v>9</v>
      </c>
      <c r="V23" s="26"/>
      <c r="W23" s="23"/>
      <c r="X23" s="24"/>
      <c r="Y23" s="25"/>
      <c r="Z23" s="23"/>
      <c r="AA23" s="23"/>
      <c r="AB23" s="23"/>
      <c r="AC23" s="24"/>
      <c r="AD23" s="25"/>
      <c r="AE23" s="23"/>
      <c r="AF23" s="23"/>
      <c r="AG23" s="23"/>
      <c r="AH23" s="24"/>
      <c r="AI23" s="22"/>
      <c r="AJ23" s="53"/>
      <c r="AK23" s="27"/>
    </row>
    <row r="24" spans="1:37" x14ac:dyDescent="0.2">
      <c r="A24" s="60" t="s">
        <v>349</v>
      </c>
      <c r="B24" s="1">
        <v>31</v>
      </c>
      <c r="C24" s="3"/>
      <c r="D24" s="4"/>
      <c r="E24" s="5"/>
      <c r="F24" s="6"/>
      <c r="G24" s="4"/>
      <c r="H24" s="4"/>
      <c r="I24" s="4"/>
      <c r="J24" s="5"/>
      <c r="K24" s="6"/>
      <c r="L24" s="4"/>
      <c r="M24" s="4"/>
      <c r="N24" s="4"/>
      <c r="O24" s="5"/>
      <c r="P24" s="3"/>
      <c r="Q24" s="51"/>
      <c r="R24" s="8"/>
      <c r="T24" s="60" t="s">
        <v>220</v>
      </c>
      <c r="U24" s="1" t="s">
        <v>259</v>
      </c>
      <c r="V24" s="3"/>
      <c r="W24" s="4"/>
      <c r="X24" s="5"/>
      <c r="Y24" s="6"/>
      <c r="Z24" s="4"/>
      <c r="AA24" s="4"/>
      <c r="AB24" s="4"/>
      <c r="AC24" s="5"/>
      <c r="AD24" s="6"/>
      <c r="AE24" s="4"/>
      <c r="AF24" s="4"/>
      <c r="AG24" s="4" t="s">
        <v>2</v>
      </c>
      <c r="AH24" s="5"/>
      <c r="AI24" s="3"/>
      <c r="AJ24" s="51" t="s">
        <v>259</v>
      </c>
      <c r="AK24" s="8">
        <v>4</v>
      </c>
    </row>
    <row r="25" spans="1:37" x14ac:dyDescent="0.2">
      <c r="A25" s="58" t="s">
        <v>212</v>
      </c>
      <c r="B25" s="10" t="s">
        <v>259</v>
      </c>
      <c r="C25" s="17"/>
      <c r="D25" s="13"/>
      <c r="E25" s="14"/>
      <c r="F25" s="15"/>
      <c r="G25" s="13"/>
      <c r="H25" s="13"/>
      <c r="I25" s="13"/>
      <c r="J25" s="14"/>
      <c r="K25" s="15"/>
      <c r="L25" s="13"/>
      <c r="M25" s="13"/>
      <c r="N25" s="13"/>
      <c r="O25" s="14" t="s">
        <v>0</v>
      </c>
      <c r="P25" s="12"/>
      <c r="Q25" s="52">
        <v>4</v>
      </c>
      <c r="R25" s="18" t="s">
        <v>259</v>
      </c>
      <c r="T25" s="58" t="s">
        <v>319</v>
      </c>
      <c r="U25" s="10">
        <v>40</v>
      </c>
      <c r="V25" s="12"/>
      <c r="W25" s="13"/>
      <c r="X25" s="14"/>
      <c r="Y25" s="15"/>
      <c r="Z25" s="13"/>
      <c r="AA25" s="13"/>
      <c r="AB25" s="13"/>
      <c r="AC25" s="14"/>
      <c r="AD25" s="15"/>
      <c r="AE25" s="13"/>
      <c r="AF25" s="13"/>
      <c r="AG25" s="13"/>
      <c r="AH25" s="14"/>
      <c r="AI25" s="12"/>
      <c r="AJ25" s="52"/>
      <c r="AK25" s="18"/>
    </row>
    <row r="26" spans="1:37" x14ac:dyDescent="0.2">
      <c r="A26" s="58" t="s">
        <v>348</v>
      </c>
      <c r="B26" s="10">
        <v>22</v>
      </c>
      <c r="C26" s="12"/>
      <c r="D26" s="13"/>
      <c r="E26" s="14"/>
      <c r="F26" s="15"/>
      <c r="G26" s="13"/>
      <c r="H26" s="13"/>
      <c r="I26" s="13"/>
      <c r="J26" s="14"/>
      <c r="K26" s="15"/>
      <c r="L26" s="13"/>
      <c r="M26" s="13"/>
      <c r="N26" s="13"/>
      <c r="O26" s="14"/>
      <c r="P26" s="12"/>
      <c r="Q26" s="52"/>
      <c r="R26" s="18"/>
      <c r="T26" s="58" t="s">
        <v>318</v>
      </c>
      <c r="U26" s="10">
        <v>47</v>
      </c>
      <c r="V26" s="12"/>
      <c r="W26" s="13"/>
      <c r="X26" s="14"/>
      <c r="Y26" s="15"/>
      <c r="Z26" s="13"/>
      <c r="AA26" s="13"/>
      <c r="AB26" s="13"/>
      <c r="AC26" s="14"/>
      <c r="AD26" s="15"/>
      <c r="AE26" s="13"/>
      <c r="AF26" s="13"/>
      <c r="AG26" s="13"/>
      <c r="AH26" s="14"/>
      <c r="AI26" s="12"/>
      <c r="AJ26" s="52"/>
      <c r="AK26" s="18"/>
    </row>
    <row r="27" spans="1:37" x14ac:dyDescent="0.2">
      <c r="A27" s="58" t="s">
        <v>347</v>
      </c>
      <c r="B27" s="10">
        <v>49</v>
      </c>
      <c r="C27" s="12"/>
      <c r="D27" s="13"/>
      <c r="E27" s="14"/>
      <c r="F27" s="15"/>
      <c r="G27" s="13"/>
      <c r="H27" s="13"/>
      <c r="I27" s="13"/>
      <c r="J27" s="14"/>
      <c r="K27" s="15"/>
      <c r="L27" s="13"/>
      <c r="M27" s="13"/>
      <c r="N27" s="13"/>
      <c r="O27" s="14"/>
      <c r="P27" s="12"/>
      <c r="Q27" s="52"/>
      <c r="R27" s="18"/>
      <c r="T27" s="58" t="s">
        <v>317</v>
      </c>
      <c r="U27" s="10">
        <v>40</v>
      </c>
      <c r="V27" s="12"/>
      <c r="W27" s="13"/>
      <c r="X27" s="14"/>
      <c r="Y27" s="15"/>
      <c r="Z27" s="13"/>
      <c r="AA27" s="13"/>
      <c r="AB27" s="13"/>
      <c r="AC27" s="14"/>
      <c r="AD27" s="15"/>
      <c r="AE27" s="13"/>
      <c r="AF27" s="13"/>
      <c r="AG27" s="13"/>
      <c r="AH27" s="14"/>
      <c r="AI27" s="12"/>
      <c r="AJ27" s="52"/>
      <c r="AK27" s="18"/>
    </row>
    <row r="28" spans="1:37" x14ac:dyDescent="0.2">
      <c r="A28" s="59">
        <v>1054</v>
      </c>
      <c r="B28" s="20" t="s">
        <v>259</v>
      </c>
      <c r="C28" s="22"/>
      <c r="D28" s="23"/>
      <c r="E28" s="24"/>
      <c r="F28" s="25"/>
      <c r="G28" s="23"/>
      <c r="H28" s="23"/>
      <c r="I28" s="23"/>
      <c r="J28" s="24"/>
      <c r="K28" s="25"/>
      <c r="L28" s="23"/>
      <c r="M28" s="23"/>
      <c r="N28" s="23" t="s">
        <v>2</v>
      </c>
      <c r="O28" s="24"/>
      <c r="P28" s="22"/>
      <c r="Q28" s="53" t="s">
        <v>259</v>
      </c>
      <c r="R28" s="27">
        <v>4</v>
      </c>
      <c r="T28" s="59" t="s">
        <v>316</v>
      </c>
      <c r="U28" s="20">
        <v>40</v>
      </c>
      <c r="V28" s="22"/>
      <c r="W28" s="23"/>
      <c r="X28" s="24"/>
      <c r="Y28" s="25"/>
      <c r="Z28" s="23"/>
      <c r="AA28" s="23"/>
      <c r="AB28" s="23"/>
      <c r="AC28" s="24"/>
      <c r="AD28" s="25"/>
      <c r="AE28" s="23"/>
      <c r="AF28" s="23"/>
      <c r="AG28" s="23"/>
      <c r="AH28" s="24"/>
      <c r="AI28" s="22"/>
      <c r="AJ28" s="53"/>
      <c r="AK28" s="27"/>
    </row>
    <row r="29" spans="1:37" x14ac:dyDescent="0.2">
      <c r="A29" s="60" t="s">
        <v>346</v>
      </c>
      <c r="B29" s="1">
        <v>49</v>
      </c>
      <c r="C29" s="3"/>
      <c r="D29" s="4"/>
      <c r="E29" s="5"/>
      <c r="F29" s="6"/>
      <c r="G29" s="4"/>
      <c r="H29" s="4"/>
      <c r="I29" s="4"/>
      <c r="J29" s="5"/>
      <c r="K29" s="6"/>
      <c r="L29" s="4"/>
      <c r="M29" s="4"/>
      <c r="N29" s="4"/>
      <c r="O29" s="5"/>
      <c r="P29" s="3"/>
      <c r="Q29" s="51"/>
      <c r="R29" s="8"/>
      <c r="T29" s="60" t="s">
        <v>315</v>
      </c>
      <c r="U29" s="1">
        <v>40</v>
      </c>
      <c r="V29" s="3"/>
      <c r="W29" s="4"/>
      <c r="X29" s="5"/>
      <c r="Y29" s="6"/>
      <c r="Z29" s="4"/>
      <c r="AA29" s="4"/>
      <c r="AB29" s="4"/>
      <c r="AC29" s="5"/>
      <c r="AD29" s="6"/>
      <c r="AE29" s="4"/>
      <c r="AF29" s="4"/>
      <c r="AG29" s="4"/>
      <c r="AH29" s="5"/>
      <c r="AI29" s="3"/>
      <c r="AJ29" s="51"/>
      <c r="AK29" s="8"/>
    </row>
    <row r="30" spans="1:37" x14ac:dyDescent="0.2">
      <c r="A30" s="58" t="s">
        <v>345</v>
      </c>
      <c r="B30" s="10">
        <v>40</v>
      </c>
      <c r="C30" s="12"/>
      <c r="D30" s="13"/>
      <c r="E30" s="14"/>
      <c r="F30" s="15"/>
      <c r="G30" s="13"/>
      <c r="H30" s="13"/>
      <c r="I30" s="13"/>
      <c r="J30" s="14"/>
      <c r="K30" s="15"/>
      <c r="L30" s="13"/>
      <c r="M30" s="13"/>
      <c r="N30" s="13"/>
      <c r="O30" s="14"/>
      <c r="P30" s="12"/>
      <c r="Q30" s="52"/>
      <c r="R30" s="18"/>
      <c r="T30" s="58" t="s">
        <v>314</v>
      </c>
      <c r="U30" s="10">
        <v>22</v>
      </c>
      <c r="V30" s="12"/>
      <c r="W30" s="13"/>
      <c r="X30" s="14"/>
      <c r="Y30" s="15"/>
      <c r="Z30" s="13"/>
      <c r="AA30" s="13"/>
      <c r="AB30" s="13"/>
      <c r="AC30" s="14"/>
      <c r="AD30" s="15"/>
      <c r="AE30" s="13"/>
      <c r="AF30" s="13"/>
      <c r="AG30" s="13"/>
      <c r="AH30" s="14"/>
      <c r="AI30" s="12"/>
      <c r="AJ30" s="52"/>
      <c r="AK30" s="18"/>
    </row>
    <row r="31" spans="1:37" x14ac:dyDescent="0.2">
      <c r="A31" s="58">
        <v>1056</v>
      </c>
      <c r="B31" s="10" t="s">
        <v>259</v>
      </c>
      <c r="C31" s="12"/>
      <c r="D31" s="13"/>
      <c r="E31" s="14"/>
      <c r="F31" s="15"/>
      <c r="G31" s="13"/>
      <c r="H31" s="13"/>
      <c r="I31" s="13"/>
      <c r="J31" s="14"/>
      <c r="K31" s="15"/>
      <c r="L31" s="13"/>
      <c r="M31" s="13"/>
      <c r="N31" s="13" t="s">
        <v>2</v>
      </c>
      <c r="O31" s="14"/>
      <c r="P31" s="12"/>
      <c r="Q31" s="52" t="s">
        <v>259</v>
      </c>
      <c r="R31" s="18">
        <v>4</v>
      </c>
      <c r="T31" s="58" t="s">
        <v>313</v>
      </c>
      <c r="U31" s="10">
        <v>27</v>
      </c>
      <c r="V31" s="12"/>
      <c r="W31" s="13"/>
      <c r="X31" s="14"/>
      <c r="Y31" s="15"/>
      <c r="Z31" s="13"/>
      <c r="AA31" s="13"/>
      <c r="AB31" s="13"/>
      <c r="AC31" s="14"/>
      <c r="AD31" s="15"/>
      <c r="AE31" s="13"/>
      <c r="AF31" s="13"/>
      <c r="AG31" s="13"/>
      <c r="AH31" s="14"/>
      <c r="AI31" s="12"/>
      <c r="AJ31" s="52"/>
      <c r="AK31" s="18"/>
    </row>
    <row r="32" spans="1:37" x14ac:dyDescent="0.2">
      <c r="A32" s="58" t="s">
        <v>213</v>
      </c>
      <c r="B32" s="10" t="s">
        <v>259</v>
      </c>
      <c r="C32" s="17"/>
      <c r="D32" s="34"/>
      <c r="E32" s="35"/>
      <c r="F32" s="36"/>
      <c r="G32" s="34"/>
      <c r="H32" s="34"/>
      <c r="I32" s="34"/>
      <c r="J32" s="35"/>
      <c r="K32" s="36" t="s">
        <v>0</v>
      </c>
      <c r="L32" s="34"/>
      <c r="M32" s="34"/>
      <c r="N32" s="34"/>
      <c r="O32" s="35"/>
      <c r="P32" s="17"/>
      <c r="Q32" s="52">
        <v>4</v>
      </c>
      <c r="R32" s="18" t="s">
        <v>259</v>
      </c>
      <c r="T32" s="58">
        <v>1088</v>
      </c>
      <c r="U32" s="10" t="s">
        <v>259</v>
      </c>
      <c r="V32" s="12"/>
      <c r="W32" s="13"/>
      <c r="X32" s="14"/>
      <c r="Y32" s="15"/>
      <c r="Z32" s="13"/>
      <c r="AA32" s="13"/>
      <c r="AB32" s="13"/>
      <c r="AC32" s="14"/>
      <c r="AD32" s="15"/>
      <c r="AE32" s="13"/>
      <c r="AF32" s="13"/>
      <c r="AG32" s="13"/>
      <c r="AH32" s="14" t="s">
        <v>2</v>
      </c>
      <c r="AI32" s="12"/>
      <c r="AJ32" s="52" t="s">
        <v>259</v>
      </c>
      <c r="AK32" s="18">
        <v>4</v>
      </c>
    </row>
    <row r="33" spans="1:37" x14ac:dyDescent="0.2">
      <c r="A33" s="59" t="s">
        <v>344</v>
      </c>
      <c r="B33" s="20">
        <v>27</v>
      </c>
      <c r="C33" s="22"/>
      <c r="D33" s="23"/>
      <c r="E33" s="24"/>
      <c r="F33" s="25"/>
      <c r="G33" s="23"/>
      <c r="H33" s="23"/>
      <c r="I33" s="23"/>
      <c r="J33" s="24"/>
      <c r="K33" s="25"/>
      <c r="L33" s="23"/>
      <c r="M33" s="23"/>
      <c r="N33" s="23"/>
      <c r="O33" s="24"/>
      <c r="P33" s="22"/>
      <c r="Q33" s="53"/>
      <c r="R33" s="27"/>
      <c r="T33" s="59" t="s">
        <v>221</v>
      </c>
      <c r="U33" s="20" t="s">
        <v>259</v>
      </c>
      <c r="V33" s="22"/>
      <c r="W33" s="23"/>
      <c r="X33" s="24"/>
      <c r="Y33" s="25"/>
      <c r="Z33" s="23"/>
      <c r="AA33" s="23"/>
      <c r="AB33" s="23"/>
      <c r="AC33" s="24"/>
      <c r="AD33" s="25" t="s">
        <v>0</v>
      </c>
      <c r="AE33" s="23"/>
      <c r="AF33" s="23"/>
      <c r="AG33" s="23"/>
      <c r="AH33" s="24"/>
      <c r="AI33" s="22"/>
      <c r="AJ33" s="53">
        <v>4</v>
      </c>
      <c r="AK33" s="27" t="s">
        <v>259</v>
      </c>
    </row>
    <row r="34" spans="1:37" x14ac:dyDescent="0.2">
      <c r="A34" s="60" t="s">
        <v>343</v>
      </c>
      <c r="B34" s="1">
        <v>44</v>
      </c>
      <c r="C34" s="3"/>
      <c r="D34" s="4"/>
      <c r="E34" s="5"/>
      <c r="F34" s="6"/>
      <c r="G34" s="4"/>
      <c r="H34" s="4"/>
      <c r="I34" s="4"/>
      <c r="J34" s="5"/>
      <c r="K34" s="6"/>
      <c r="L34" s="4"/>
      <c r="M34" s="4"/>
      <c r="N34" s="4"/>
      <c r="O34" s="5"/>
      <c r="P34" s="3"/>
      <c r="Q34" s="51"/>
      <c r="R34" s="8"/>
      <c r="T34" s="57" t="s">
        <v>312</v>
      </c>
      <c r="U34" s="1">
        <v>22</v>
      </c>
      <c r="V34" s="3"/>
      <c r="W34" s="4"/>
      <c r="X34" s="5"/>
      <c r="Y34" s="6"/>
      <c r="Z34" s="4"/>
      <c r="AA34" s="4"/>
      <c r="AB34" s="4"/>
      <c r="AC34" s="5"/>
      <c r="AD34" s="6"/>
      <c r="AE34" s="4"/>
      <c r="AF34" s="4"/>
      <c r="AG34" s="4"/>
      <c r="AH34" s="5"/>
      <c r="AI34" s="3"/>
      <c r="AJ34" s="51"/>
      <c r="AK34" s="8"/>
    </row>
    <row r="35" spans="1:37" x14ac:dyDescent="0.2">
      <c r="A35" s="58" t="s">
        <v>342</v>
      </c>
      <c r="B35" s="10">
        <v>43</v>
      </c>
      <c r="C35" s="12"/>
      <c r="D35" s="13"/>
      <c r="E35" s="14"/>
      <c r="F35" s="15"/>
      <c r="G35" s="13"/>
      <c r="H35" s="13"/>
      <c r="I35" s="13"/>
      <c r="J35" s="14"/>
      <c r="K35" s="15"/>
      <c r="L35" s="13"/>
      <c r="M35" s="13"/>
      <c r="N35" s="13"/>
      <c r="O35" s="14"/>
      <c r="P35" s="12"/>
      <c r="Q35" s="52"/>
      <c r="R35" s="18"/>
      <c r="T35" s="61" t="s">
        <v>311</v>
      </c>
      <c r="U35" s="10">
        <v>36</v>
      </c>
      <c r="V35" s="12"/>
      <c r="W35" s="13"/>
      <c r="X35" s="14"/>
      <c r="Y35" s="15"/>
      <c r="Z35" s="13"/>
      <c r="AA35" s="13"/>
      <c r="AB35" s="13"/>
      <c r="AC35" s="14"/>
      <c r="AD35" s="15"/>
      <c r="AE35" s="13"/>
      <c r="AF35" s="13"/>
      <c r="AG35" s="13"/>
      <c r="AH35" s="14"/>
      <c r="AI35" s="12"/>
      <c r="AJ35" s="52"/>
      <c r="AK35" s="18"/>
    </row>
    <row r="36" spans="1:37" x14ac:dyDescent="0.2">
      <c r="A36" s="58" t="s">
        <v>341</v>
      </c>
      <c r="B36" s="10">
        <v>18</v>
      </c>
      <c r="C36" s="12"/>
      <c r="D36" s="13"/>
      <c r="E36" s="14"/>
      <c r="F36" s="15"/>
      <c r="G36" s="13"/>
      <c r="H36" s="13"/>
      <c r="I36" s="13"/>
      <c r="J36" s="14"/>
      <c r="K36" s="15"/>
      <c r="L36" s="13"/>
      <c r="M36" s="13"/>
      <c r="N36" s="13"/>
      <c r="O36" s="14"/>
      <c r="P36" s="12"/>
      <c r="Q36" s="52"/>
      <c r="R36" s="18"/>
      <c r="T36" s="58">
        <v>1090</v>
      </c>
      <c r="U36" s="10" t="s">
        <v>259</v>
      </c>
      <c r="V36" s="12"/>
      <c r="W36" s="13"/>
      <c r="X36" s="14"/>
      <c r="Y36" s="15"/>
      <c r="Z36" s="13"/>
      <c r="AA36" s="13"/>
      <c r="AB36" s="13"/>
      <c r="AC36" s="14"/>
      <c r="AD36" s="15"/>
      <c r="AE36" s="13"/>
      <c r="AF36" s="13" t="s">
        <v>2</v>
      </c>
      <c r="AG36" s="13"/>
      <c r="AH36" s="14"/>
      <c r="AI36" s="12"/>
      <c r="AJ36" s="52" t="s">
        <v>259</v>
      </c>
      <c r="AK36" s="18">
        <v>8</v>
      </c>
    </row>
    <row r="37" spans="1:37" x14ac:dyDescent="0.2">
      <c r="A37" s="58">
        <v>1060</v>
      </c>
      <c r="B37" s="10" t="s">
        <v>259</v>
      </c>
      <c r="C37" s="12"/>
      <c r="D37" s="13"/>
      <c r="E37" s="14"/>
      <c r="F37" s="15"/>
      <c r="G37" s="13"/>
      <c r="H37" s="13"/>
      <c r="I37" s="13"/>
      <c r="J37" s="14"/>
      <c r="K37" s="15"/>
      <c r="L37" s="13"/>
      <c r="M37" s="13" t="s">
        <v>2</v>
      </c>
      <c r="N37" s="13" t="s">
        <v>2</v>
      </c>
      <c r="O37" s="14"/>
      <c r="P37" s="12"/>
      <c r="Q37" s="52" t="s">
        <v>259</v>
      </c>
      <c r="R37" s="18">
        <v>8</v>
      </c>
      <c r="T37" s="58" t="s">
        <v>222</v>
      </c>
      <c r="U37" s="10" t="s">
        <v>259</v>
      </c>
      <c r="V37" s="17"/>
      <c r="W37" s="13"/>
      <c r="X37" s="14"/>
      <c r="Y37" s="15"/>
      <c r="Z37" s="13"/>
      <c r="AA37" s="13"/>
      <c r="AB37" s="13"/>
      <c r="AC37" s="14"/>
      <c r="AD37" s="15"/>
      <c r="AE37" s="13"/>
      <c r="AF37" s="13"/>
      <c r="AG37" s="13" t="s">
        <v>0</v>
      </c>
      <c r="AH37" s="14" t="s">
        <v>0</v>
      </c>
      <c r="AI37" s="12"/>
      <c r="AJ37" s="52">
        <v>8</v>
      </c>
      <c r="AK37" s="18" t="s">
        <v>259</v>
      </c>
    </row>
    <row r="38" spans="1:37" x14ac:dyDescent="0.2">
      <c r="A38" s="59" t="s">
        <v>340</v>
      </c>
      <c r="B38" s="20">
        <v>36</v>
      </c>
      <c r="C38" s="22"/>
      <c r="D38" s="23"/>
      <c r="E38" s="24"/>
      <c r="F38" s="25"/>
      <c r="G38" s="23"/>
      <c r="H38" s="23"/>
      <c r="I38" s="23"/>
      <c r="J38" s="24"/>
      <c r="K38" s="25"/>
      <c r="L38" s="23"/>
      <c r="M38" s="23"/>
      <c r="N38" s="23"/>
      <c r="O38" s="24"/>
      <c r="P38" s="22"/>
      <c r="Q38" s="53"/>
      <c r="R38" s="27"/>
      <c r="T38" s="62" t="s">
        <v>310</v>
      </c>
      <c r="U38" s="20">
        <v>36</v>
      </c>
      <c r="V38" s="22"/>
      <c r="W38" s="23"/>
      <c r="X38" s="24"/>
      <c r="Y38" s="25"/>
      <c r="Z38" s="23"/>
      <c r="AA38" s="23"/>
      <c r="AB38" s="23"/>
      <c r="AC38" s="24"/>
      <c r="AD38" s="25"/>
      <c r="AE38" s="23"/>
      <c r="AF38" s="23"/>
      <c r="AG38" s="23"/>
      <c r="AH38" s="24"/>
      <c r="AI38" s="22"/>
      <c r="AJ38" s="53"/>
      <c r="AK38" s="27"/>
    </row>
    <row r="39" spans="1:37" x14ac:dyDescent="0.2">
      <c r="A39" s="60" t="s">
        <v>339</v>
      </c>
      <c r="B39" s="1">
        <v>27</v>
      </c>
      <c r="C39" s="3"/>
      <c r="D39" s="4"/>
      <c r="E39" s="5"/>
      <c r="F39" s="6"/>
      <c r="G39" s="4"/>
      <c r="H39" s="4"/>
      <c r="I39" s="4"/>
      <c r="J39" s="5"/>
      <c r="K39" s="6"/>
      <c r="L39" s="4"/>
      <c r="M39" s="4"/>
      <c r="N39" s="4"/>
      <c r="O39" s="5"/>
      <c r="P39" s="3"/>
      <c r="Q39" s="51"/>
      <c r="R39" s="8"/>
      <c r="T39" s="57" t="s">
        <v>309</v>
      </c>
      <c r="U39" s="1">
        <v>36</v>
      </c>
      <c r="V39" s="3"/>
      <c r="W39" s="4"/>
      <c r="X39" s="5"/>
      <c r="Y39" s="6"/>
      <c r="Z39" s="4"/>
      <c r="AA39" s="4"/>
      <c r="AB39" s="4"/>
      <c r="AC39" s="5"/>
      <c r="AD39" s="6"/>
      <c r="AE39" s="4"/>
      <c r="AF39" s="4"/>
      <c r="AG39" s="4"/>
      <c r="AH39" s="5"/>
      <c r="AI39" s="3"/>
      <c r="AJ39" s="51"/>
      <c r="AK39" s="8"/>
    </row>
    <row r="40" spans="1:37" x14ac:dyDescent="0.2">
      <c r="A40" s="58">
        <v>1062</v>
      </c>
      <c r="B40" s="10" t="s">
        <v>259</v>
      </c>
      <c r="C40" s="12"/>
      <c r="D40" s="13"/>
      <c r="E40" s="14"/>
      <c r="F40" s="15"/>
      <c r="G40" s="13"/>
      <c r="H40" s="13"/>
      <c r="I40" s="13"/>
      <c r="J40" s="14" t="s">
        <v>2</v>
      </c>
      <c r="K40" s="15"/>
      <c r="L40" s="13"/>
      <c r="M40" s="13"/>
      <c r="N40" s="13"/>
      <c r="O40" s="14" t="s">
        <v>2</v>
      </c>
      <c r="P40" s="12"/>
      <c r="Q40" s="52" t="s">
        <v>259</v>
      </c>
      <c r="R40" s="18">
        <v>8</v>
      </c>
      <c r="T40" s="61" t="s">
        <v>308</v>
      </c>
      <c r="U40" s="10">
        <v>36</v>
      </c>
      <c r="V40" s="12"/>
      <c r="W40" s="13"/>
      <c r="X40" s="14"/>
      <c r="Y40" s="15"/>
      <c r="Z40" s="13"/>
      <c r="AA40" s="13"/>
      <c r="AB40" s="13"/>
      <c r="AC40" s="14"/>
      <c r="AD40" s="15"/>
      <c r="AE40" s="13"/>
      <c r="AF40" s="13"/>
      <c r="AG40" s="13"/>
      <c r="AH40" s="14"/>
      <c r="AI40" s="12"/>
      <c r="AJ40" s="52"/>
      <c r="AK40" s="18"/>
    </row>
    <row r="41" spans="1:37" x14ac:dyDescent="0.2">
      <c r="A41" s="58" t="s">
        <v>338</v>
      </c>
      <c r="B41" s="10">
        <v>31</v>
      </c>
      <c r="C41" s="12"/>
      <c r="D41" s="13"/>
      <c r="E41" s="14"/>
      <c r="F41" s="15"/>
      <c r="G41" s="13"/>
      <c r="H41" s="13"/>
      <c r="I41" s="13"/>
      <c r="J41" s="14"/>
      <c r="K41" s="15"/>
      <c r="L41" s="13"/>
      <c r="M41" s="13"/>
      <c r="N41" s="13"/>
      <c r="O41" s="14"/>
      <c r="P41" s="12"/>
      <c r="Q41" s="52"/>
      <c r="R41" s="18"/>
      <c r="T41" s="61" t="s">
        <v>307</v>
      </c>
      <c r="U41" s="10">
        <v>36</v>
      </c>
      <c r="V41" s="12"/>
      <c r="W41" s="13"/>
      <c r="X41" s="14"/>
      <c r="Y41" s="15"/>
      <c r="Z41" s="13"/>
      <c r="AA41" s="13"/>
      <c r="AB41" s="13"/>
      <c r="AC41" s="14"/>
      <c r="AD41" s="15"/>
      <c r="AE41" s="13"/>
      <c r="AF41" s="13"/>
      <c r="AG41" s="13"/>
      <c r="AH41" s="14"/>
      <c r="AI41" s="12"/>
      <c r="AJ41" s="52"/>
      <c r="AK41" s="18"/>
    </row>
    <row r="42" spans="1:37" x14ac:dyDescent="0.2">
      <c r="A42" s="58" t="s">
        <v>337</v>
      </c>
      <c r="B42" s="10">
        <v>18</v>
      </c>
      <c r="C42" s="12"/>
      <c r="D42" s="13"/>
      <c r="E42" s="14"/>
      <c r="F42" s="15"/>
      <c r="G42" s="13"/>
      <c r="H42" s="13"/>
      <c r="I42" s="13"/>
      <c r="J42" s="14"/>
      <c r="K42" s="15"/>
      <c r="L42" s="13"/>
      <c r="M42" s="13"/>
      <c r="N42" s="13"/>
      <c r="O42" s="14"/>
      <c r="P42" s="12"/>
      <c r="Q42" s="52"/>
      <c r="R42" s="18"/>
      <c r="T42" s="61" t="s">
        <v>306</v>
      </c>
      <c r="U42" s="10">
        <v>44</v>
      </c>
      <c r="V42" s="12"/>
      <c r="W42" s="13"/>
      <c r="X42" s="14"/>
      <c r="Y42" s="15"/>
      <c r="Z42" s="13"/>
      <c r="AA42" s="13"/>
      <c r="AB42" s="13"/>
      <c r="AC42" s="14"/>
      <c r="AD42" s="15"/>
      <c r="AE42" s="13"/>
      <c r="AF42" s="13"/>
      <c r="AG42" s="13"/>
      <c r="AH42" s="14"/>
      <c r="AI42" s="12"/>
      <c r="AJ42" s="52"/>
      <c r="AK42" s="18"/>
    </row>
    <row r="43" spans="1:37" x14ac:dyDescent="0.2">
      <c r="A43" s="59">
        <v>1064</v>
      </c>
      <c r="B43" s="20" t="s">
        <v>259</v>
      </c>
      <c r="C43" s="22"/>
      <c r="D43" s="23"/>
      <c r="E43" s="24"/>
      <c r="F43" s="25"/>
      <c r="G43" s="23"/>
      <c r="H43" s="23"/>
      <c r="I43" s="23"/>
      <c r="J43" s="24"/>
      <c r="K43" s="25"/>
      <c r="L43" s="23" t="s">
        <v>2</v>
      </c>
      <c r="M43" s="23"/>
      <c r="N43" s="23"/>
      <c r="O43" s="24"/>
      <c r="P43" s="22"/>
      <c r="Q43" s="53" t="s">
        <v>259</v>
      </c>
      <c r="R43" s="27">
        <v>4</v>
      </c>
      <c r="T43" s="60" t="s">
        <v>223</v>
      </c>
      <c r="U43" s="1" t="s">
        <v>259</v>
      </c>
      <c r="V43" s="3"/>
      <c r="W43" s="4"/>
      <c r="X43" s="5"/>
      <c r="Y43" s="6"/>
      <c r="Z43" s="4"/>
      <c r="AA43" s="4"/>
      <c r="AB43" s="4" t="s">
        <v>2</v>
      </c>
      <c r="AC43" s="5" t="s">
        <v>2</v>
      </c>
      <c r="AD43" s="6" t="s">
        <v>2</v>
      </c>
      <c r="AE43" s="4" t="s">
        <v>2</v>
      </c>
      <c r="AF43" s="4" t="s">
        <v>2</v>
      </c>
      <c r="AG43" s="4" t="s">
        <v>2</v>
      </c>
      <c r="AH43" s="5"/>
      <c r="AI43" s="3"/>
      <c r="AJ43" s="51" t="s">
        <v>259</v>
      </c>
      <c r="AK43" s="8">
        <v>23</v>
      </c>
    </row>
    <row r="44" spans="1:37" x14ac:dyDescent="0.2">
      <c r="A44" s="60" t="s">
        <v>336</v>
      </c>
      <c r="B44" s="1">
        <v>32</v>
      </c>
      <c r="C44" s="3"/>
      <c r="D44" s="4"/>
      <c r="E44" s="5"/>
      <c r="F44" s="6"/>
      <c r="G44" s="4"/>
      <c r="H44" s="4"/>
      <c r="I44" s="4"/>
      <c r="J44" s="5"/>
      <c r="K44" s="6"/>
      <c r="L44" s="4"/>
      <c r="M44" s="4"/>
      <c r="N44" s="4"/>
      <c r="O44" s="5"/>
      <c r="P44" s="3"/>
      <c r="Q44" s="51"/>
      <c r="R44" s="8"/>
      <c r="T44" s="61" t="s">
        <v>305</v>
      </c>
      <c r="U44" s="10">
        <v>27</v>
      </c>
      <c r="V44" s="12"/>
      <c r="W44" s="13"/>
      <c r="X44" s="14"/>
      <c r="Y44" s="15"/>
      <c r="Z44" s="13"/>
      <c r="AA44" s="13"/>
      <c r="AB44" s="13"/>
      <c r="AC44" s="14"/>
      <c r="AD44" s="15"/>
      <c r="AE44" s="13"/>
      <c r="AF44" s="13"/>
      <c r="AG44" s="13"/>
      <c r="AH44" s="14"/>
      <c r="AI44" s="12"/>
      <c r="AJ44" s="52"/>
      <c r="AK44" s="18"/>
    </row>
    <row r="45" spans="1:37" x14ac:dyDescent="0.2">
      <c r="A45" s="58" t="s">
        <v>335</v>
      </c>
      <c r="B45" s="10">
        <v>35</v>
      </c>
      <c r="C45" s="12"/>
      <c r="D45" s="13"/>
      <c r="E45" s="14"/>
      <c r="F45" s="15"/>
      <c r="G45" s="13"/>
      <c r="H45" s="13"/>
      <c r="I45" s="13"/>
      <c r="J45" s="14"/>
      <c r="K45" s="15"/>
      <c r="L45" s="13"/>
      <c r="M45" s="13"/>
      <c r="N45" s="13"/>
      <c r="O45" s="14"/>
      <c r="P45" s="12"/>
      <c r="Q45" s="52"/>
      <c r="R45" s="18"/>
      <c r="T45" s="58" t="s">
        <v>224</v>
      </c>
      <c r="U45" s="10" t="s">
        <v>259</v>
      </c>
      <c r="V45" s="12"/>
      <c r="W45" s="13"/>
      <c r="X45" s="14"/>
      <c r="Y45" s="15"/>
      <c r="Z45" s="13"/>
      <c r="AA45" s="13"/>
      <c r="AB45" s="13"/>
      <c r="AC45" s="14"/>
      <c r="AD45" s="15" t="s">
        <v>2</v>
      </c>
      <c r="AE45" s="13" t="s">
        <v>2</v>
      </c>
      <c r="AF45" s="13"/>
      <c r="AG45" s="13"/>
      <c r="AH45" s="14"/>
      <c r="AI45" s="12"/>
      <c r="AJ45" s="52" t="s">
        <v>259</v>
      </c>
      <c r="AK45" s="18">
        <v>8</v>
      </c>
    </row>
    <row r="46" spans="1:37" x14ac:dyDescent="0.2">
      <c r="A46" s="58">
        <v>1066</v>
      </c>
      <c r="B46" s="10" t="s">
        <v>259</v>
      </c>
      <c r="C46" s="12"/>
      <c r="D46" s="13"/>
      <c r="E46" s="14"/>
      <c r="F46" s="15"/>
      <c r="G46" s="13"/>
      <c r="H46" s="13"/>
      <c r="I46" s="13"/>
      <c r="J46" s="14" t="s">
        <v>2</v>
      </c>
      <c r="K46" s="15"/>
      <c r="L46" s="13"/>
      <c r="M46" s="13"/>
      <c r="N46" s="13" t="s">
        <v>2</v>
      </c>
      <c r="O46" s="14"/>
      <c r="P46" s="12"/>
      <c r="Q46" s="52" t="s">
        <v>259</v>
      </c>
      <c r="R46" s="18">
        <v>8</v>
      </c>
      <c r="T46" s="61" t="s">
        <v>304</v>
      </c>
      <c r="U46" s="10">
        <v>40</v>
      </c>
      <c r="V46" s="12"/>
      <c r="W46" s="13"/>
      <c r="X46" s="14"/>
      <c r="Y46" s="15"/>
      <c r="Z46" s="13"/>
      <c r="AA46" s="13"/>
      <c r="AB46" s="13"/>
      <c r="AC46" s="14"/>
      <c r="AD46" s="15"/>
      <c r="AE46" s="13"/>
      <c r="AF46" s="13"/>
      <c r="AG46" s="13"/>
      <c r="AH46" s="14"/>
      <c r="AI46" s="12"/>
      <c r="AJ46" s="52"/>
      <c r="AK46" s="18"/>
    </row>
    <row r="47" spans="1:37" x14ac:dyDescent="0.2">
      <c r="A47" s="58" t="s">
        <v>334</v>
      </c>
      <c r="B47" s="10">
        <v>35</v>
      </c>
      <c r="C47" s="12"/>
      <c r="D47" s="13"/>
      <c r="E47" s="14"/>
      <c r="F47" s="15"/>
      <c r="G47" s="13"/>
      <c r="H47" s="13"/>
      <c r="I47" s="13"/>
      <c r="J47" s="14"/>
      <c r="K47" s="15"/>
      <c r="L47" s="13"/>
      <c r="M47" s="13"/>
      <c r="N47" s="13"/>
      <c r="O47" s="14"/>
      <c r="P47" s="12"/>
      <c r="Q47" s="52"/>
      <c r="R47" s="18"/>
      <c r="T47" s="62" t="s">
        <v>303</v>
      </c>
      <c r="U47" s="20">
        <v>40</v>
      </c>
      <c r="V47" s="22"/>
      <c r="W47" s="23"/>
      <c r="X47" s="24"/>
      <c r="Y47" s="25"/>
      <c r="Z47" s="23"/>
      <c r="AA47" s="23"/>
      <c r="AB47" s="23"/>
      <c r="AC47" s="24"/>
      <c r="AD47" s="25"/>
      <c r="AE47" s="23"/>
      <c r="AF47" s="23"/>
      <c r="AG47" s="23"/>
      <c r="AH47" s="24"/>
      <c r="AI47" s="22"/>
      <c r="AJ47" s="53"/>
      <c r="AK47" s="27"/>
    </row>
    <row r="48" spans="1:37" x14ac:dyDescent="0.2">
      <c r="A48" s="59" t="s">
        <v>333</v>
      </c>
      <c r="B48" s="20">
        <v>31</v>
      </c>
      <c r="C48" s="22"/>
      <c r="D48" s="23"/>
      <c r="E48" s="24"/>
      <c r="F48" s="25"/>
      <c r="G48" s="23"/>
      <c r="H48" s="23"/>
      <c r="I48" s="23"/>
      <c r="J48" s="24"/>
      <c r="K48" s="25"/>
      <c r="L48" s="23"/>
      <c r="M48" s="23"/>
      <c r="N48" s="23"/>
      <c r="O48" s="24"/>
      <c r="P48" s="22"/>
      <c r="Q48" s="53"/>
      <c r="R48" s="27"/>
      <c r="T48" s="57" t="s">
        <v>302</v>
      </c>
      <c r="U48" s="1">
        <v>44</v>
      </c>
      <c r="V48" s="3"/>
      <c r="W48" s="4"/>
      <c r="X48" s="5"/>
      <c r="Y48" s="6"/>
      <c r="Z48" s="4"/>
      <c r="AA48" s="4"/>
      <c r="AB48" s="4"/>
      <c r="AC48" s="5"/>
      <c r="AD48" s="6"/>
      <c r="AE48" s="4"/>
      <c r="AF48" s="4"/>
      <c r="AG48" s="4"/>
      <c r="AH48" s="5"/>
      <c r="AI48" s="3"/>
      <c r="AJ48" s="51"/>
      <c r="AK48" s="8"/>
    </row>
    <row r="49" spans="1:37" x14ac:dyDescent="0.2">
      <c r="A49" s="60">
        <v>1068</v>
      </c>
      <c r="B49" s="1" t="s">
        <v>259</v>
      </c>
      <c r="C49" s="3"/>
      <c r="D49" s="4"/>
      <c r="E49" s="5"/>
      <c r="F49" s="6"/>
      <c r="G49" s="4"/>
      <c r="H49" s="4"/>
      <c r="I49" s="4" t="s">
        <v>2</v>
      </c>
      <c r="J49" s="5"/>
      <c r="K49" s="6"/>
      <c r="L49" s="4"/>
      <c r="M49" s="4" t="s">
        <v>2</v>
      </c>
      <c r="N49" s="4"/>
      <c r="O49" s="5"/>
      <c r="P49" s="3"/>
      <c r="Q49" s="51" t="s">
        <v>259</v>
      </c>
      <c r="R49" s="8">
        <v>8</v>
      </c>
      <c r="T49" s="58" t="s">
        <v>225</v>
      </c>
      <c r="U49" s="10" t="s">
        <v>259</v>
      </c>
      <c r="V49" s="12"/>
      <c r="W49" s="13"/>
      <c r="X49" s="14"/>
      <c r="Y49" s="15"/>
      <c r="Z49" s="13"/>
      <c r="AA49" s="13"/>
      <c r="AB49" s="13"/>
      <c r="AC49" s="14"/>
      <c r="AD49" s="15" t="s">
        <v>2</v>
      </c>
      <c r="AE49" s="13" t="s">
        <v>2</v>
      </c>
      <c r="AF49" s="13"/>
      <c r="AG49" s="13"/>
      <c r="AH49" s="14"/>
      <c r="AI49" s="12"/>
      <c r="AJ49" s="52" t="s">
        <v>259</v>
      </c>
      <c r="AK49" s="18">
        <v>8</v>
      </c>
    </row>
    <row r="50" spans="1:37" x14ac:dyDescent="0.2">
      <c r="A50" s="58" t="s">
        <v>332</v>
      </c>
      <c r="B50" s="10">
        <v>26</v>
      </c>
      <c r="C50" s="12"/>
      <c r="D50" s="13"/>
      <c r="E50" s="14"/>
      <c r="F50" s="15"/>
      <c r="G50" s="13"/>
      <c r="H50" s="13"/>
      <c r="I50" s="13"/>
      <c r="J50" s="14"/>
      <c r="K50" s="15"/>
      <c r="L50" s="13"/>
      <c r="M50" s="13"/>
      <c r="N50" s="13"/>
      <c r="O50" s="14"/>
      <c r="P50" s="12"/>
      <c r="Q50" s="52"/>
      <c r="R50" s="18"/>
      <c r="T50" s="58" t="s">
        <v>226</v>
      </c>
      <c r="U50" s="10" t="s">
        <v>259</v>
      </c>
      <c r="V50" s="17"/>
      <c r="W50" s="13"/>
      <c r="X50" s="14"/>
      <c r="Y50" s="15"/>
      <c r="Z50" s="13"/>
      <c r="AA50" s="13"/>
      <c r="AB50" s="13"/>
      <c r="AC50" s="14"/>
      <c r="AD50" s="15"/>
      <c r="AE50" s="13" t="s">
        <v>0</v>
      </c>
      <c r="AF50" s="13"/>
      <c r="AG50" s="13"/>
      <c r="AH50" s="14"/>
      <c r="AI50" s="12"/>
      <c r="AJ50" s="52">
        <v>8</v>
      </c>
      <c r="AK50" s="18" t="s">
        <v>259</v>
      </c>
    </row>
    <row r="51" spans="1:37" x14ac:dyDescent="0.2">
      <c r="A51" s="58" t="s">
        <v>331</v>
      </c>
      <c r="B51" s="10">
        <v>40</v>
      </c>
      <c r="C51" s="12"/>
      <c r="D51" s="13"/>
      <c r="E51" s="14"/>
      <c r="F51" s="15"/>
      <c r="G51" s="13"/>
      <c r="H51" s="13"/>
      <c r="I51" s="13"/>
      <c r="J51" s="14"/>
      <c r="K51" s="15"/>
      <c r="L51" s="13"/>
      <c r="M51" s="13"/>
      <c r="N51" s="13"/>
      <c r="O51" s="14"/>
      <c r="P51" s="12"/>
      <c r="Q51" s="52"/>
      <c r="R51" s="18"/>
      <c r="T51" s="61" t="s">
        <v>301</v>
      </c>
      <c r="U51" s="10">
        <v>36</v>
      </c>
      <c r="V51" s="12"/>
      <c r="W51" s="13"/>
      <c r="X51" s="14"/>
      <c r="Y51" s="15"/>
      <c r="Z51" s="13"/>
      <c r="AA51" s="13"/>
      <c r="AB51" s="13"/>
      <c r="AC51" s="14"/>
      <c r="AD51" s="15"/>
      <c r="AE51" s="13"/>
      <c r="AF51" s="13"/>
      <c r="AG51" s="13"/>
      <c r="AH51" s="14"/>
      <c r="AI51" s="12"/>
      <c r="AJ51" s="52"/>
      <c r="AK51" s="18"/>
    </row>
    <row r="52" spans="1:37" x14ac:dyDescent="0.2">
      <c r="A52" s="58" t="s">
        <v>214</v>
      </c>
      <c r="B52" s="10" t="s">
        <v>259</v>
      </c>
      <c r="C52" s="17" t="s">
        <v>0</v>
      </c>
      <c r="D52" s="13"/>
      <c r="E52" s="14"/>
      <c r="F52" s="15"/>
      <c r="G52" s="13"/>
      <c r="H52" s="13"/>
      <c r="I52" s="13"/>
      <c r="J52" s="14"/>
      <c r="K52" s="15"/>
      <c r="L52" s="13"/>
      <c r="M52" s="13"/>
      <c r="N52" s="13"/>
      <c r="O52" s="14"/>
      <c r="P52" s="12"/>
      <c r="Q52" s="52">
        <v>3</v>
      </c>
      <c r="R52" s="18" t="s">
        <v>259</v>
      </c>
      <c r="T52" s="62" t="s">
        <v>300</v>
      </c>
      <c r="U52" s="20">
        <v>18</v>
      </c>
      <c r="V52" s="22"/>
      <c r="W52" s="23"/>
      <c r="X52" s="24"/>
      <c r="Y52" s="25"/>
      <c r="Z52" s="23"/>
      <c r="AA52" s="23"/>
      <c r="AB52" s="23"/>
      <c r="AC52" s="24"/>
      <c r="AD52" s="25"/>
      <c r="AE52" s="23"/>
      <c r="AF52" s="23"/>
      <c r="AG52" s="23"/>
      <c r="AH52" s="24"/>
      <c r="AI52" s="22"/>
      <c r="AJ52" s="53"/>
      <c r="AK52" s="27"/>
    </row>
    <row r="53" spans="1:37" x14ac:dyDescent="0.2">
      <c r="A53" s="59" t="s">
        <v>330</v>
      </c>
      <c r="B53" s="20">
        <v>22</v>
      </c>
      <c r="C53" s="22"/>
      <c r="D53" s="23"/>
      <c r="E53" s="24"/>
      <c r="F53" s="25"/>
      <c r="G53" s="23"/>
      <c r="H53" s="23"/>
      <c r="I53" s="23"/>
      <c r="J53" s="24"/>
      <c r="K53" s="25"/>
      <c r="L53" s="23"/>
      <c r="M53" s="23"/>
      <c r="N53" s="23"/>
      <c r="O53" s="24"/>
      <c r="P53" s="22"/>
      <c r="Q53" s="53"/>
      <c r="R53" s="27"/>
      <c r="T53" s="60" t="s">
        <v>227</v>
      </c>
      <c r="U53" s="1" t="s">
        <v>259</v>
      </c>
      <c r="V53" s="7"/>
      <c r="W53" s="4"/>
      <c r="X53" s="5"/>
      <c r="Y53" s="6"/>
      <c r="Z53" s="4"/>
      <c r="AA53" s="4"/>
      <c r="AB53" s="4"/>
      <c r="AC53" s="5" t="s">
        <v>0</v>
      </c>
      <c r="AD53" s="6"/>
      <c r="AE53" s="4"/>
      <c r="AF53" s="4"/>
      <c r="AG53" s="4"/>
      <c r="AH53" s="5"/>
      <c r="AI53" s="3"/>
      <c r="AJ53" s="51">
        <v>4</v>
      </c>
      <c r="AK53" s="8" t="s">
        <v>259</v>
      </c>
    </row>
    <row r="54" spans="1:37" x14ac:dyDescent="0.2">
      <c r="A54" s="58"/>
      <c r="B54" s="11"/>
      <c r="C54" s="17"/>
      <c r="D54" s="13"/>
      <c r="E54" s="14"/>
      <c r="F54" s="15"/>
      <c r="G54" s="13"/>
      <c r="H54" s="13"/>
      <c r="I54" s="13"/>
      <c r="J54" s="14"/>
      <c r="K54" s="15"/>
      <c r="L54" s="13"/>
      <c r="M54" s="13"/>
      <c r="N54" s="13"/>
      <c r="O54" s="14"/>
      <c r="P54" s="12"/>
      <c r="Q54" s="52"/>
      <c r="R54" s="18"/>
    </row>
    <row r="55" spans="1:37" x14ac:dyDescent="0.2">
      <c r="A55" s="58"/>
      <c r="B55" s="11"/>
      <c r="C55" s="17"/>
      <c r="D55" s="13"/>
      <c r="E55" s="14"/>
      <c r="F55" s="15"/>
      <c r="G55" s="13"/>
      <c r="H55" s="13"/>
      <c r="I55" s="13"/>
      <c r="J55" s="14"/>
      <c r="K55" s="15"/>
      <c r="L55" s="13"/>
      <c r="M55" s="13"/>
      <c r="N55" s="13"/>
      <c r="O55" s="14"/>
      <c r="P55" s="12"/>
      <c r="Q55" s="52"/>
      <c r="R55" s="18"/>
    </row>
    <row r="56" spans="1:37" x14ac:dyDescent="0.2">
      <c r="A56" s="59"/>
      <c r="B56" s="21"/>
      <c r="C56" s="26"/>
      <c r="D56" s="23"/>
      <c r="E56" s="24"/>
      <c r="F56" s="25"/>
      <c r="G56" s="23"/>
      <c r="H56" s="23"/>
      <c r="I56" s="23"/>
      <c r="J56" s="24"/>
      <c r="K56" s="25"/>
      <c r="L56" s="23"/>
      <c r="M56" s="23"/>
      <c r="N56" s="23"/>
      <c r="O56" s="24"/>
      <c r="P56" s="22"/>
      <c r="Q56" s="53"/>
      <c r="R56" s="27"/>
    </row>
    <row r="57" spans="1:37" x14ac:dyDescent="0.2">
      <c r="A57" s="60"/>
      <c r="B57" s="2"/>
      <c r="C57" s="7"/>
      <c r="D57" s="4"/>
      <c r="E57" s="5"/>
      <c r="F57" s="6"/>
      <c r="G57" s="4"/>
      <c r="H57" s="4"/>
      <c r="I57" s="4"/>
      <c r="J57" s="5"/>
      <c r="K57" s="6"/>
      <c r="L57" s="4"/>
      <c r="M57" s="4"/>
      <c r="N57" s="4"/>
      <c r="O57" s="5"/>
      <c r="P57" s="3"/>
      <c r="Q57" s="51"/>
      <c r="R57" s="8"/>
    </row>
    <row r="58" spans="1:37" x14ac:dyDescent="0.2">
      <c r="A58" s="58"/>
      <c r="B58" s="11"/>
      <c r="C58" s="17"/>
      <c r="D58" s="13"/>
      <c r="E58" s="14"/>
      <c r="F58" s="15"/>
      <c r="G58" s="13"/>
      <c r="H58" s="13"/>
      <c r="I58" s="13"/>
      <c r="J58" s="14"/>
      <c r="K58" s="15"/>
      <c r="L58" s="13"/>
      <c r="M58" s="13"/>
      <c r="N58" s="13"/>
      <c r="O58" s="14"/>
      <c r="P58" s="12"/>
      <c r="Q58" s="52"/>
      <c r="R58" s="18"/>
    </row>
    <row r="59" spans="1:37" x14ac:dyDescent="0.2">
      <c r="A59" s="58"/>
      <c r="B59" s="11"/>
      <c r="C59" s="17"/>
      <c r="D59" s="13"/>
      <c r="E59" s="14"/>
      <c r="F59" s="15"/>
      <c r="G59" s="13"/>
      <c r="H59" s="13"/>
      <c r="I59" s="13"/>
      <c r="J59" s="14"/>
      <c r="K59" s="15"/>
      <c r="L59" s="13"/>
      <c r="M59" s="13"/>
      <c r="N59" s="13"/>
      <c r="O59" s="14"/>
      <c r="P59" s="12"/>
      <c r="Q59" s="52"/>
      <c r="R59" s="18"/>
    </row>
    <row r="60" spans="1:37" x14ac:dyDescent="0.2">
      <c r="A60" s="58"/>
      <c r="B60" s="11"/>
      <c r="C60" s="17"/>
      <c r="D60" s="13"/>
      <c r="E60" s="14"/>
      <c r="F60" s="15"/>
      <c r="G60" s="13"/>
      <c r="H60" s="13"/>
      <c r="I60" s="13"/>
      <c r="J60" s="14"/>
      <c r="K60" s="15"/>
      <c r="L60" s="13"/>
      <c r="M60" s="13"/>
      <c r="N60" s="13"/>
      <c r="O60" s="14"/>
      <c r="P60" s="12"/>
      <c r="Q60" s="52"/>
      <c r="R60" s="18"/>
    </row>
    <row r="61" spans="1:37" x14ac:dyDescent="0.2">
      <c r="A61" s="59"/>
      <c r="B61" s="21"/>
      <c r="C61" s="26"/>
      <c r="D61" s="23"/>
      <c r="E61" s="24"/>
      <c r="F61" s="25"/>
      <c r="G61" s="23"/>
      <c r="H61" s="23"/>
      <c r="I61" s="23"/>
      <c r="J61" s="24"/>
      <c r="K61" s="25"/>
      <c r="L61" s="23"/>
      <c r="M61" s="23"/>
      <c r="N61" s="23"/>
      <c r="O61" s="24"/>
      <c r="P61" s="22"/>
      <c r="Q61" s="53"/>
      <c r="R61" s="27"/>
    </row>
    <row r="62" spans="1:37" x14ac:dyDescent="0.2">
      <c r="A62" s="60"/>
      <c r="B62" s="2"/>
      <c r="C62" s="7"/>
      <c r="D62" s="4"/>
      <c r="E62" s="5"/>
      <c r="F62" s="6"/>
      <c r="G62" s="4"/>
      <c r="H62" s="4"/>
      <c r="I62" s="4"/>
      <c r="J62" s="5"/>
      <c r="K62" s="6"/>
      <c r="L62" s="4"/>
      <c r="M62" s="4"/>
      <c r="N62" s="4"/>
      <c r="O62" s="5"/>
      <c r="P62" s="3"/>
      <c r="Q62" s="51"/>
      <c r="R62" s="8"/>
    </row>
    <row r="63" spans="1:37" x14ac:dyDescent="0.2">
      <c r="A63" s="58"/>
      <c r="B63" s="11"/>
      <c r="C63" s="17"/>
      <c r="D63" s="13"/>
      <c r="E63" s="14"/>
      <c r="F63" s="15"/>
      <c r="G63" s="13"/>
      <c r="H63" s="13"/>
      <c r="I63" s="13"/>
      <c r="J63" s="14"/>
      <c r="K63" s="15"/>
      <c r="L63" s="13"/>
      <c r="M63" s="13"/>
      <c r="N63" s="13"/>
      <c r="O63" s="14"/>
      <c r="P63" s="12"/>
      <c r="Q63" s="52"/>
      <c r="R63" s="18"/>
    </row>
    <row r="64" spans="1:37" x14ac:dyDescent="0.2">
      <c r="A64" s="58"/>
      <c r="B64" s="11"/>
      <c r="C64" s="17"/>
      <c r="D64" s="13"/>
      <c r="E64" s="14"/>
      <c r="F64" s="15"/>
      <c r="G64" s="13"/>
      <c r="H64" s="13"/>
      <c r="I64" s="13"/>
      <c r="J64" s="14"/>
      <c r="K64" s="15"/>
      <c r="L64" s="13"/>
      <c r="M64" s="13"/>
      <c r="N64" s="13"/>
      <c r="O64" s="14"/>
      <c r="P64" s="12"/>
      <c r="Q64" s="52"/>
      <c r="R64" s="18"/>
    </row>
    <row r="65" spans="1:18" x14ac:dyDescent="0.2">
      <c r="A65" s="58"/>
      <c r="B65" s="11"/>
      <c r="C65" s="17"/>
      <c r="D65" s="13"/>
      <c r="E65" s="14"/>
      <c r="F65" s="15"/>
      <c r="G65" s="13"/>
      <c r="H65" s="13"/>
      <c r="I65" s="13"/>
      <c r="J65" s="14"/>
      <c r="K65" s="15"/>
      <c r="L65" s="13"/>
      <c r="M65" s="13"/>
      <c r="N65" s="13"/>
      <c r="O65" s="14"/>
      <c r="P65" s="12"/>
      <c r="Q65" s="52"/>
      <c r="R65" s="18"/>
    </row>
    <row r="66" spans="1:18" x14ac:dyDescent="0.2">
      <c r="A66" s="59"/>
      <c r="B66" s="21"/>
      <c r="C66" s="26"/>
      <c r="D66" s="23"/>
      <c r="E66" s="24"/>
      <c r="F66" s="25"/>
      <c r="G66" s="23"/>
      <c r="H66" s="23"/>
      <c r="I66" s="23"/>
      <c r="J66" s="24"/>
      <c r="K66" s="25"/>
      <c r="L66" s="23"/>
      <c r="M66" s="23"/>
      <c r="N66" s="23"/>
      <c r="O66" s="24"/>
      <c r="P66" s="22"/>
      <c r="Q66" s="53"/>
      <c r="R66" s="27"/>
    </row>
  </sheetData>
  <mergeCells count="16">
    <mergeCell ref="T1:AK1"/>
    <mergeCell ref="T2:T3"/>
    <mergeCell ref="U2:U3"/>
    <mergeCell ref="V2:V3"/>
    <mergeCell ref="W2:AH2"/>
    <mergeCell ref="AI2:AI3"/>
    <mergeCell ref="AJ2:AJ3"/>
    <mergeCell ref="AK2:AK3"/>
    <mergeCell ref="A1:R1"/>
    <mergeCell ref="A2:A3"/>
    <mergeCell ref="B2:B3"/>
    <mergeCell ref="C2:C3"/>
    <mergeCell ref="D2:O2"/>
    <mergeCell ref="P2:P3"/>
    <mergeCell ref="Q2:Q3"/>
    <mergeCell ref="R2:R3"/>
  </mergeCells>
  <printOptions horizontalCentered="1"/>
  <pageMargins left="0.15" right="0.15" top="0.75" bottom="0.25" header="0.55000000000000004" footer="0.05"/>
  <pageSetup paperSize="3" scale="95" fitToHeight="40" orientation="portrait" r:id="rId1"/>
  <headerFooter scaleWithDoc="0" alignWithMargins="0">
    <oddHeader>&amp;L&amp;12San Mateo - Hayward Br (Br #35-0054)&amp;C&amp;"-,Bold"&amp;12Defect Schedule&amp;R&amp;12&amp;D</oddHeader>
    <oddFooter>&amp;R&amp;10&amp;P/&amp;N</oddFooter>
  </headerFooter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691FAF2-8BEE-4CAA-BB69-D6806254AB1A}">
  <sheetPr>
    <pageSetUpPr fitToPage="1"/>
  </sheetPr>
  <dimension ref="A1:AK67"/>
  <sheetViews>
    <sheetView view="pageBreakPreview" zoomScaleNormal="130" zoomScaleSheetLayoutView="100" workbookViewId="0">
      <selection sqref="A1:R1"/>
    </sheetView>
  </sheetViews>
  <sheetFormatPr defaultColWidth="8.7109375" defaultRowHeight="11.25" x14ac:dyDescent="0.2"/>
  <cols>
    <col min="1" max="1" width="5.42578125" style="81" customWidth="1"/>
    <col min="2" max="3" width="4.140625" style="75" customWidth="1"/>
    <col min="4" max="4" width="3.7109375" style="82" customWidth="1"/>
    <col min="5" max="5" width="3.7109375" style="83" customWidth="1"/>
    <col min="6" max="6" width="3.7109375" style="84" customWidth="1"/>
    <col min="7" max="9" width="3.7109375" style="82" customWidth="1"/>
    <col min="10" max="10" width="3.7109375" style="83" customWidth="1"/>
    <col min="11" max="11" width="3.7109375" style="84" customWidth="1"/>
    <col min="12" max="14" width="3.7109375" style="82" customWidth="1"/>
    <col min="15" max="15" width="4" style="83" customWidth="1"/>
    <col min="16" max="16" width="3.7109375" style="74" customWidth="1"/>
    <col min="17" max="17" width="3.7109375" style="85" customWidth="1"/>
    <col min="18" max="18" width="3.7109375" style="86" customWidth="1"/>
    <col min="19" max="19" width="3.42578125" style="71" customWidth="1"/>
    <col min="20" max="20" width="5.42578125" style="78" customWidth="1"/>
    <col min="21" max="21" width="9.42578125" style="78" bestFit="1" customWidth="1"/>
    <col min="22" max="22" width="4.140625" style="78" customWidth="1"/>
    <col min="23" max="33" width="3.7109375" style="78" customWidth="1"/>
    <col min="34" max="34" width="4" style="78" customWidth="1"/>
    <col min="35" max="37" width="3.7109375" style="78" customWidth="1"/>
    <col min="38" max="38" width="8.7109375" style="78"/>
    <col min="39" max="39" width="2.7109375" style="78" bestFit="1" customWidth="1"/>
    <col min="40" max="40" width="3.5703125" style="78" bestFit="1" customWidth="1"/>
    <col min="41" max="41" width="8.7109375" style="78"/>
    <col min="42" max="42" width="2.7109375" style="78" bestFit="1" customWidth="1"/>
    <col min="43" max="43" width="3.5703125" style="78" bestFit="1" customWidth="1"/>
    <col min="44" max="16384" width="8.7109375" style="78"/>
  </cols>
  <sheetData>
    <row r="1" spans="1:37" s="75" customFormat="1" ht="12" customHeight="1" x14ac:dyDescent="0.25">
      <c r="A1" s="73" t="s">
        <v>5</v>
      </c>
      <c r="B1" s="73"/>
      <c r="C1" s="73"/>
      <c r="D1" s="73"/>
      <c r="E1" s="73"/>
      <c r="F1" s="73"/>
      <c r="G1" s="73"/>
      <c r="H1" s="73"/>
      <c r="I1" s="73"/>
      <c r="J1" s="73"/>
      <c r="K1" s="73"/>
      <c r="L1" s="73"/>
      <c r="M1" s="73"/>
      <c r="N1" s="73"/>
      <c r="O1" s="73"/>
      <c r="P1" s="73"/>
      <c r="Q1" s="73"/>
      <c r="R1" s="73"/>
      <c r="S1" s="74"/>
      <c r="T1" s="73" t="s">
        <v>5</v>
      </c>
      <c r="U1" s="73"/>
      <c r="V1" s="73"/>
      <c r="W1" s="73"/>
      <c r="X1" s="73"/>
      <c r="Y1" s="73"/>
      <c r="Z1" s="73"/>
      <c r="AA1" s="73"/>
      <c r="AB1" s="73"/>
      <c r="AC1" s="73"/>
      <c r="AD1" s="73"/>
      <c r="AE1" s="73"/>
      <c r="AF1" s="73"/>
      <c r="AG1" s="73"/>
      <c r="AH1" s="73"/>
      <c r="AI1" s="73"/>
      <c r="AJ1" s="73"/>
      <c r="AK1" s="73"/>
    </row>
    <row r="2" spans="1:37" s="75" customFormat="1" ht="15" customHeight="1" x14ac:dyDescent="0.25">
      <c r="A2" s="76" t="s">
        <v>1103</v>
      </c>
      <c r="B2" s="76" t="s">
        <v>1104</v>
      </c>
      <c r="C2" s="73" t="s">
        <v>6</v>
      </c>
      <c r="D2" s="73" t="s">
        <v>260</v>
      </c>
      <c r="E2" s="73"/>
      <c r="F2" s="73"/>
      <c r="G2" s="73"/>
      <c r="H2" s="73"/>
      <c r="I2" s="73"/>
      <c r="J2" s="73"/>
      <c r="K2" s="73"/>
      <c r="L2" s="73"/>
      <c r="M2" s="73"/>
      <c r="N2" s="73"/>
      <c r="O2" s="73"/>
      <c r="P2" s="73" t="s">
        <v>7</v>
      </c>
      <c r="Q2" s="72" t="s">
        <v>8</v>
      </c>
      <c r="R2" s="72" t="s">
        <v>1105</v>
      </c>
      <c r="S2" s="74"/>
      <c r="T2" s="76" t="s">
        <v>1103</v>
      </c>
      <c r="U2" s="76" t="s">
        <v>1104</v>
      </c>
      <c r="V2" s="73" t="s">
        <v>6</v>
      </c>
      <c r="W2" s="73" t="s">
        <v>260</v>
      </c>
      <c r="X2" s="73"/>
      <c r="Y2" s="73"/>
      <c r="Z2" s="73"/>
      <c r="AA2" s="73"/>
      <c r="AB2" s="73"/>
      <c r="AC2" s="73"/>
      <c r="AD2" s="73"/>
      <c r="AE2" s="73"/>
      <c r="AF2" s="73"/>
      <c r="AG2" s="73"/>
      <c r="AH2" s="73"/>
      <c r="AI2" s="73" t="s">
        <v>7</v>
      </c>
      <c r="AJ2" s="72" t="s">
        <v>8</v>
      </c>
      <c r="AK2" s="72" t="s">
        <v>1105</v>
      </c>
    </row>
    <row r="3" spans="1:37" ht="25.5" customHeight="1" x14ac:dyDescent="0.2">
      <c r="A3" s="76"/>
      <c r="B3" s="76"/>
      <c r="C3" s="73"/>
      <c r="D3" s="77">
        <v>12</v>
      </c>
      <c r="E3" s="77">
        <v>11</v>
      </c>
      <c r="F3" s="77">
        <v>10</v>
      </c>
      <c r="G3" s="77">
        <v>9</v>
      </c>
      <c r="H3" s="77">
        <v>8</v>
      </c>
      <c r="I3" s="77">
        <v>7</v>
      </c>
      <c r="J3" s="77">
        <v>6</v>
      </c>
      <c r="K3" s="77">
        <v>5</v>
      </c>
      <c r="L3" s="77">
        <v>4</v>
      </c>
      <c r="M3" s="77">
        <v>3</v>
      </c>
      <c r="N3" s="77">
        <v>2</v>
      </c>
      <c r="O3" s="77">
        <v>1</v>
      </c>
      <c r="P3" s="73"/>
      <c r="Q3" s="72"/>
      <c r="R3" s="72"/>
      <c r="T3" s="76"/>
      <c r="U3" s="76"/>
      <c r="V3" s="73"/>
      <c r="W3" s="77">
        <v>12</v>
      </c>
      <c r="X3" s="77">
        <v>11</v>
      </c>
      <c r="Y3" s="77">
        <v>10</v>
      </c>
      <c r="Z3" s="77">
        <v>9</v>
      </c>
      <c r="AA3" s="77">
        <v>8</v>
      </c>
      <c r="AB3" s="77">
        <v>7</v>
      </c>
      <c r="AC3" s="77">
        <v>6</v>
      </c>
      <c r="AD3" s="77">
        <v>5</v>
      </c>
      <c r="AE3" s="77">
        <v>4</v>
      </c>
      <c r="AF3" s="77">
        <v>3</v>
      </c>
      <c r="AG3" s="77">
        <v>2</v>
      </c>
      <c r="AH3" s="77">
        <v>1</v>
      </c>
      <c r="AI3" s="73"/>
      <c r="AJ3" s="72"/>
      <c r="AK3" s="72"/>
    </row>
    <row r="4" spans="1:37" x14ac:dyDescent="0.2">
      <c r="A4" s="69" t="s">
        <v>299</v>
      </c>
      <c r="B4" s="44">
        <v>17</v>
      </c>
      <c r="C4" s="45"/>
      <c r="D4" s="70"/>
      <c r="E4" s="87"/>
      <c r="F4" s="88"/>
      <c r="G4" s="70"/>
      <c r="H4" s="70"/>
      <c r="I4" s="70"/>
      <c r="J4" s="87"/>
      <c r="K4" s="88"/>
      <c r="L4" s="70"/>
      <c r="M4" s="70"/>
      <c r="N4" s="70"/>
      <c r="O4" s="87"/>
      <c r="P4" s="45"/>
      <c r="Q4" s="56"/>
      <c r="R4" s="50"/>
      <c r="T4" s="63" t="s">
        <v>248</v>
      </c>
      <c r="U4" s="44" t="s">
        <v>259</v>
      </c>
      <c r="V4" s="45"/>
      <c r="W4" s="46"/>
      <c r="X4" s="47"/>
      <c r="Y4" s="48"/>
      <c r="Z4" s="46"/>
      <c r="AA4" s="46"/>
      <c r="AB4" s="46"/>
      <c r="AC4" s="47"/>
      <c r="AD4" s="48" t="s">
        <v>0</v>
      </c>
      <c r="AE4" s="46"/>
      <c r="AF4" s="46"/>
      <c r="AG4" s="46"/>
      <c r="AH4" s="47"/>
      <c r="AI4" s="49"/>
      <c r="AJ4" s="56">
        <v>4</v>
      </c>
      <c r="AK4" s="50"/>
    </row>
    <row r="5" spans="1:37" x14ac:dyDescent="0.2">
      <c r="A5" s="58" t="s">
        <v>228</v>
      </c>
      <c r="B5" s="10" t="s">
        <v>259</v>
      </c>
      <c r="C5" s="17"/>
      <c r="D5" s="13"/>
      <c r="E5" s="14"/>
      <c r="F5" s="15"/>
      <c r="G5" s="13"/>
      <c r="H5" s="13"/>
      <c r="I5" s="13"/>
      <c r="J5" s="14"/>
      <c r="K5" s="15"/>
      <c r="L5" s="13" t="s">
        <v>0</v>
      </c>
      <c r="M5" s="13"/>
      <c r="N5" s="13"/>
      <c r="O5" s="14"/>
      <c r="P5" s="12"/>
      <c r="Q5" s="52">
        <v>4</v>
      </c>
      <c r="R5" s="18" t="s">
        <v>259</v>
      </c>
      <c r="T5" s="58" t="s">
        <v>272</v>
      </c>
      <c r="U5" s="10">
        <v>53</v>
      </c>
      <c r="V5" s="12"/>
      <c r="W5" s="13"/>
      <c r="X5" s="14"/>
      <c r="Y5" s="15"/>
      <c r="Z5" s="13"/>
      <c r="AA5" s="13"/>
      <c r="AB5" s="13"/>
      <c r="AC5" s="14"/>
      <c r="AD5" s="15"/>
      <c r="AE5" s="13"/>
      <c r="AF5" s="13"/>
      <c r="AG5" s="13"/>
      <c r="AH5" s="14"/>
      <c r="AI5" s="12"/>
      <c r="AJ5" s="52"/>
      <c r="AK5" s="18"/>
    </row>
    <row r="6" spans="1:37" x14ac:dyDescent="0.2">
      <c r="A6" s="58" t="s">
        <v>298</v>
      </c>
      <c r="B6" s="10">
        <v>22</v>
      </c>
      <c r="C6" s="12"/>
      <c r="D6" s="13"/>
      <c r="E6" s="14"/>
      <c r="F6" s="15"/>
      <c r="G6" s="13"/>
      <c r="H6" s="13"/>
      <c r="I6" s="13"/>
      <c r="J6" s="14"/>
      <c r="K6" s="15"/>
      <c r="L6" s="13"/>
      <c r="M6" s="13"/>
      <c r="N6" s="13"/>
      <c r="O6" s="14"/>
      <c r="P6" s="12"/>
      <c r="Q6" s="52"/>
      <c r="R6" s="18"/>
      <c r="T6" s="58" t="s">
        <v>271</v>
      </c>
      <c r="U6" s="10">
        <v>22</v>
      </c>
      <c r="V6" s="12"/>
      <c r="W6" s="13"/>
      <c r="X6" s="14"/>
      <c r="Y6" s="15"/>
      <c r="Z6" s="13"/>
      <c r="AA6" s="13"/>
      <c r="AB6" s="13"/>
      <c r="AC6" s="14"/>
      <c r="AD6" s="15"/>
      <c r="AE6" s="13"/>
      <c r="AF6" s="13"/>
      <c r="AG6" s="13"/>
      <c r="AH6" s="14"/>
      <c r="AI6" s="12"/>
      <c r="AJ6" s="52"/>
      <c r="AK6" s="18"/>
    </row>
    <row r="7" spans="1:37" x14ac:dyDescent="0.2">
      <c r="A7" s="59">
        <v>1103</v>
      </c>
      <c r="B7" s="20" t="s">
        <v>259</v>
      </c>
      <c r="C7" s="22"/>
      <c r="D7" s="23"/>
      <c r="E7" s="24"/>
      <c r="F7" s="25"/>
      <c r="G7" s="23"/>
      <c r="H7" s="23"/>
      <c r="I7" s="23"/>
      <c r="J7" s="24"/>
      <c r="K7" s="25"/>
      <c r="L7" s="23"/>
      <c r="M7" s="23"/>
      <c r="N7" s="23"/>
      <c r="O7" s="24" t="s">
        <v>1</v>
      </c>
      <c r="P7" s="22"/>
      <c r="Q7" s="53">
        <v>1</v>
      </c>
      <c r="R7" s="27" t="s">
        <v>259</v>
      </c>
      <c r="T7" s="59" t="s">
        <v>249</v>
      </c>
      <c r="U7" s="20" t="s">
        <v>259</v>
      </c>
      <c r="V7" s="26"/>
      <c r="W7" s="23"/>
      <c r="X7" s="24"/>
      <c r="Y7" s="25"/>
      <c r="Z7" s="23"/>
      <c r="AA7" s="23"/>
      <c r="AB7" s="23"/>
      <c r="AC7" s="24"/>
      <c r="AD7" s="25"/>
      <c r="AE7" s="23"/>
      <c r="AF7" s="23"/>
      <c r="AG7" s="23" t="s">
        <v>0</v>
      </c>
      <c r="AH7" s="24"/>
      <c r="AI7" s="22"/>
      <c r="AJ7" s="53">
        <v>4</v>
      </c>
      <c r="AK7" s="27"/>
    </row>
    <row r="8" spans="1:37" x14ac:dyDescent="0.2">
      <c r="A8" s="60" t="s">
        <v>229</v>
      </c>
      <c r="B8" s="1" t="s">
        <v>259</v>
      </c>
      <c r="C8" s="7"/>
      <c r="D8" s="4"/>
      <c r="E8" s="5"/>
      <c r="F8" s="6"/>
      <c r="G8" s="4"/>
      <c r="H8" s="4"/>
      <c r="I8" s="4"/>
      <c r="J8" s="5" t="s">
        <v>0</v>
      </c>
      <c r="K8" s="6"/>
      <c r="L8" s="4" t="s">
        <v>0</v>
      </c>
      <c r="M8" s="4"/>
      <c r="N8" s="4"/>
      <c r="O8" s="5"/>
      <c r="P8" s="3"/>
      <c r="Q8" s="51">
        <v>8</v>
      </c>
      <c r="R8" s="8"/>
      <c r="T8" s="60" t="s">
        <v>270</v>
      </c>
      <c r="U8" s="1">
        <v>18</v>
      </c>
      <c r="V8" s="3"/>
      <c r="W8" s="4"/>
      <c r="X8" s="5"/>
      <c r="Y8" s="6"/>
      <c r="Z8" s="4"/>
      <c r="AA8" s="4"/>
      <c r="AB8" s="4"/>
      <c r="AC8" s="5"/>
      <c r="AD8" s="6"/>
      <c r="AE8" s="4"/>
      <c r="AF8" s="4"/>
      <c r="AG8" s="4"/>
      <c r="AH8" s="5"/>
      <c r="AI8" s="3"/>
      <c r="AJ8" s="51"/>
      <c r="AK8" s="8"/>
    </row>
    <row r="9" spans="1:37" x14ac:dyDescent="0.2">
      <c r="A9" s="58" t="s">
        <v>297</v>
      </c>
      <c r="B9" s="10">
        <v>9</v>
      </c>
      <c r="C9" s="12"/>
      <c r="D9" s="13"/>
      <c r="E9" s="14"/>
      <c r="F9" s="15"/>
      <c r="G9" s="13"/>
      <c r="H9" s="13"/>
      <c r="I9" s="13"/>
      <c r="J9" s="14"/>
      <c r="K9" s="15"/>
      <c r="L9" s="13"/>
      <c r="M9" s="13"/>
      <c r="N9" s="13"/>
      <c r="O9" s="14"/>
      <c r="P9" s="12"/>
      <c r="Q9" s="52"/>
      <c r="R9" s="18"/>
      <c r="T9" s="58" t="s">
        <v>250</v>
      </c>
      <c r="U9" s="10" t="s">
        <v>259</v>
      </c>
      <c r="V9" s="17"/>
      <c r="W9" s="13"/>
      <c r="X9" s="14"/>
      <c r="Y9" s="15"/>
      <c r="Z9" s="13"/>
      <c r="AA9" s="13" t="s">
        <v>0</v>
      </c>
      <c r="AB9" s="13"/>
      <c r="AC9" s="14"/>
      <c r="AD9" s="15"/>
      <c r="AE9" s="13"/>
      <c r="AF9" s="13"/>
      <c r="AG9" s="13"/>
      <c r="AH9" s="14"/>
      <c r="AI9" s="12"/>
      <c r="AJ9" s="52">
        <v>4</v>
      </c>
      <c r="AK9" s="18"/>
    </row>
    <row r="10" spans="1:37" x14ac:dyDescent="0.2">
      <c r="A10" s="58" t="s">
        <v>296</v>
      </c>
      <c r="B10" s="10">
        <v>31</v>
      </c>
      <c r="C10" s="12"/>
      <c r="D10" s="13"/>
      <c r="E10" s="14"/>
      <c r="F10" s="15"/>
      <c r="G10" s="13"/>
      <c r="H10" s="13"/>
      <c r="I10" s="13"/>
      <c r="J10" s="14"/>
      <c r="K10" s="15"/>
      <c r="L10" s="13"/>
      <c r="M10" s="13"/>
      <c r="N10" s="13"/>
      <c r="O10" s="14"/>
      <c r="P10" s="12"/>
      <c r="Q10" s="52"/>
      <c r="R10" s="18"/>
      <c r="T10" s="58" t="s">
        <v>251</v>
      </c>
      <c r="U10" s="10" t="s">
        <v>259</v>
      </c>
      <c r="V10" s="17"/>
      <c r="W10" s="13"/>
      <c r="X10" s="14"/>
      <c r="Y10" s="15"/>
      <c r="Z10" s="13"/>
      <c r="AA10" s="13"/>
      <c r="AB10" s="13"/>
      <c r="AC10" s="14"/>
      <c r="AD10" s="15" t="s">
        <v>0</v>
      </c>
      <c r="AE10" s="13"/>
      <c r="AF10" s="13" t="s">
        <v>0</v>
      </c>
      <c r="AG10" s="13" t="s">
        <v>0</v>
      </c>
      <c r="AH10" s="14"/>
      <c r="AI10" s="12"/>
      <c r="AJ10" s="52">
        <v>11</v>
      </c>
      <c r="AK10" s="18"/>
    </row>
    <row r="11" spans="1:37" x14ac:dyDescent="0.2">
      <c r="A11" s="58" t="s">
        <v>230</v>
      </c>
      <c r="B11" s="10" t="s">
        <v>259</v>
      </c>
      <c r="C11" s="17"/>
      <c r="D11" s="13"/>
      <c r="E11" s="14"/>
      <c r="F11" s="15"/>
      <c r="G11" s="13"/>
      <c r="H11" s="13"/>
      <c r="I11" s="13"/>
      <c r="J11" s="14" t="s">
        <v>0</v>
      </c>
      <c r="K11" s="15"/>
      <c r="L11" s="13"/>
      <c r="M11" s="13"/>
      <c r="N11" s="13"/>
      <c r="O11" s="14"/>
      <c r="P11" s="12"/>
      <c r="Q11" s="52">
        <v>4</v>
      </c>
      <c r="R11" s="18"/>
      <c r="T11" s="58" t="s">
        <v>269</v>
      </c>
      <c r="U11" s="10">
        <v>44</v>
      </c>
      <c r="V11" s="12"/>
      <c r="W11" s="13"/>
      <c r="X11" s="14"/>
      <c r="Y11" s="15"/>
      <c r="Z11" s="13"/>
      <c r="AA11" s="13"/>
      <c r="AB11" s="13"/>
      <c r="AC11" s="14"/>
      <c r="AD11" s="15"/>
      <c r="AE11" s="13"/>
      <c r="AF11" s="13"/>
      <c r="AG11" s="13"/>
      <c r="AH11" s="14"/>
      <c r="AI11" s="12"/>
      <c r="AJ11" s="52"/>
      <c r="AK11" s="18"/>
    </row>
    <row r="12" spans="1:37" x14ac:dyDescent="0.2">
      <c r="A12" s="59" t="s">
        <v>295</v>
      </c>
      <c r="B12" s="20">
        <v>40</v>
      </c>
      <c r="C12" s="22"/>
      <c r="D12" s="23"/>
      <c r="E12" s="24"/>
      <c r="F12" s="25"/>
      <c r="G12" s="23"/>
      <c r="H12" s="23"/>
      <c r="I12" s="23"/>
      <c r="J12" s="24"/>
      <c r="K12" s="25"/>
      <c r="L12" s="23"/>
      <c r="M12" s="23"/>
      <c r="N12" s="23"/>
      <c r="O12" s="24"/>
      <c r="P12" s="22"/>
      <c r="Q12" s="53"/>
      <c r="R12" s="27"/>
      <c r="T12" s="59" t="s">
        <v>252</v>
      </c>
      <c r="U12" s="20" t="s">
        <v>259</v>
      </c>
      <c r="V12" s="26"/>
      <c r="W12" s="23"/>
      <c r="X12" s="24"/>
      <c r="Y12" s="25"/>
      <c r="Z12" s="23"/>
      <c r="AA12" s="23"/>
      <c r="AB12" s="23"/>
      <c r="AC12" s="24" t="s">
        <v>0</v>
      </c>
      <c r="AD12" s="25"/>
      <c r="AE12" s="23"/>
      <c r="AF12" s="23"/>
      <c r="AG12" s="23"/>
      <c r="AH12" s="24"/>
      <c r="AI12" s="22"/>
      <c r="AJ12" s="53">
        <v>4</v>
      </c>
      <c r="AK12" s="27"/>
    </row>
    <row r="13" spans="1:37" x14ac:dyDescent="0.2">
      <c r="A13" s="60" t="s">
        <v>231</v>
      </c>
      <c r="B13" s="1" t="s">
        <v>259</v>
      </c>
      <c r="C13" s="7"/>
      <c r="D13" s="4"/>
      <c r="E13" s="5"/>
      <c r="F13" s="6"/>
      <c r="G13" s="4"/>
      <c r="H13" s="4"/>
      <c r="I13" s="4"/>
      <c r="J13" s="5"/>
      <c r="K13" s="6"/>
      <c r="L13" s="4" t="s">
        <v>0</v>
      </c>
      <c r="M13" s="4"/>
      <c r="N13" s="4"/>
      <c r="O13" s="5"/>
      <c r="P13" s="3"/>
      <c r="Q13" s="51">
        <v>4</v>
      </c>
      <c r="R13" s="8"/>
      <c r="T13" s="60" t="s">
        <v>268</v>
      </c>
      <c r="U13" s="2">
        <v>54</v>
      </c>
      <c r="V13" s="3"/>
      <c r="W13" s="4"/>
      <c r="X13" s="5"/>
      <c r="Y13" s="6"/>
      <c r="Z13" s="4"/>
      <c r="AA13" s="4"/>
      <c r="AB13" s="4"/>
      <c r="AC13" s="5"/>
      <c r="AD13" s="6"/>
      <c r="AE13" s="4"/>
      <c r="AF13" s="4"/>
      <c r="AG13" s="4"/>
      <c r="AH13" s="5"/>
      <c r="AI13" s="3"/>
      <c r="AJ13" s="51"/>
      <c r="AK13" s="8"/>
    </row>
    <row r="14" spans="1:37" x14ac:dyDescent="0.2">
      <c r="A14" s="58" t="s">
        <v>294</v>
      </c>
      <c r="B14" s="10">
        <v>39</v>
      </c>
      <c r="C14" s="12"/>
      <c r="D14" s="13"/>
      <c r="E14" s="14"/>
      <c r="F14" s="15"/>
      <c r="G14" s="13"/>
      <c r="H14" s="13"/>
      <c r="I14" s="13"/>
      <c r="J14" s="14"/>
      <c r="K14" s="15"/>
      <c r="L14" s="13"/>
      <c r="M14" s="13"/>
      <c r="N14" s="13"/>
      <c r="O14" s="14"/>
      <c r="P14" s="12"/>
      <c r="Q14" s="52"/>
      <c r="R14" s="18"/>
      <c r="T14" s="58" t="s">
        <v>267</v>
      </c>
      <c r="U14" s="11">
        <v>62</v>
      </c>
      <c r="V14" s="12"/>
      <c r="W14" s="13"/>
      <c r="X14" s="14"/>
      <c r="Y14" s="15"/>
      <c r="Z14" s="13"/>
      <c r="AA14" s="13"/>
      <c r="AB14" s="13"/>
      <c r="AC14" s="14"/>
      <c r="AD14" s="15"/>
      <c r="AE14" s="13"/>
      <c r="AF14" s="13"/>
      <c r="AG14" s="13"/>
      <c r="AH14" s="14"/>
      <c r="AI14" s="12"/>
      <c r="AJ14" s="52"/>
      <c r="AK14" s="18"/>
    </row>
    <row r="15" spans="1:37" x14ac:dyDescent="0.2">
      <c r="A15" s="58" t="s">
        <v>293</v>
      </c>
      <c r="B15" s="10">
        <v>44</v>
      </c>
      <c r="C15" s="12"/>
      <c r="D15" s="13"/>
      <c r="E15" s="14"/>
      <c r="F15" s="15"/>
      <c r="G15" s="13"/>
      <c r="H15" s="13"/>
      <c r="I15" s="13"/>
      <c r="J15" s="14"/>
      <c r="K15" s="15"/>
      <c r="L15" s="13"/>
      <c r="M15" s="13"/>
      <c r="N15" s="13"/>
      <c r="O15" s="14"/>
      <c r="P15" s="12"/>
      <c r="Q15" s="52"/>
      <c r="R15" s="18"/>
      <c r="T15" s="58" t="s">
        <v>253</v>
      </c>
      <c r="U15" s="11" t="s">
        <v>259</v>
      </c>
      <c r="V15" s="17"/>
      <c r="W15" s="13"/>
      <c r="X15" s="14"/>
      <c r="Y15" s="15"/>
      <c r="Z15" s="13"/>
      <c r="AA15" s="13"/>
      <c r="AB15" s="13" t="s">
        <v>0</v>
      </c>
      <c r="AC15" s="14"/>
      <c r="AD15" s="15"/>
      <c r="AE15" s="13"/>
      <c r="AF15" s="13"/>
      <c r="AG15" s="13"/>
      <c r="AH15" s="14"/>
      <c r="AI15" s="12"/>
      <c r="AJ15" s="52">
        <v>4</v>
      </c>
      <c r="AK15" s="18"/>
    </row>
    <row r="16" spans="1:37" x14ac:dyDescent="0.2">
      <c r="A16" s="58" t="s">
        <v>232</v>
      </c>
      <c r="B16" s="10" t="s">
        <v>259</v>
      </c>
      <c r="C16" s="17"/>
      <c r="D16" s="13"/>
      <c r="E16" s="14"/>
      <c r="F16" s="15"/>
      <c r="G16" s="13"/>
      <c r="H16" s="13"/>
      <c r="I16" s="13"/>
      <c r="J16" s="14"/>
      <c r="K16" s="15"/>
      <c r="L16" s="13"/>
      <c r="M16" s="13"/>
      <c r="N16" s="13" t="s">
        <v>0</v>
      </c>
      <c r="O16" s="14" t="s">
        <v>0</v>
      </c>
      <c r="P16" s="12"/>
      <c r="Q16" s="52">
        <v>8</v>
      </c>
      <c r="R16" s="18"/>
      <c r="T16" s="58" t="s">
        <v>266</v>
      </c>
      <c r="U16" s="11">
        <v>14</v>
      </c>
      <c r="V16" s="12"/>
      <c r="W16" s="13"/>
      <c r="X16" s="14"/>
      <c r="Y16" s="15"/>
      <c r="Z16" s="13"/>
      <c r="AA16" s="13"/>
      <c r="AB16" s="13"/>
      <c r="AC16" s="14"/>
      <c r="AD16" s="15"/>
      <c r="AE16" s="13"/>
      <c r="AF16" s="13"/>
      <c r="AG16" s="13"/>
      <c r="AH16" s="14"/>
      <c r="AI16" s="12"/>
      <c r="AJ16" s="52"/>
      <c r="AK16" s="18"/>
    </row>
    <row r="17" spans="1:37" x14ac:dyDescent="0.2">
      <c r="A17" s="59" t="s">
        <v>233</v>
      </c>
      <c r="B17" s="20" t="s">
        <v>259</v>
      </c>
      <c r="C17" s="26"/>
      <c r="D17" s="23"/>
      <c r="E17" s="24"/>
      <c r="F17" s="25"/>
      <c r="G17" s="23"/>
      <c r="H17" s="23"/>
      <c r="I17" s="23"/>
      <c r="J17" s="24"/>
      <c r="K17" s="25"/>
      <c r="L17" s="23" t="s">
        <v>0</v>
      </c>
      <c r="M17" s="23"/>
      <c r="N17" s="23"/>
      <c r="O17" s="24"/>
      <c r="P17" s="22"/>
      <c r="Q17" s="53">
        <v>4</v>
      </c>
      <c r="R17" s="27"/>
      <c r="T17" s="59" t="s">
        <v>254</v>
      </c>
      <c r="U17" s="21" t="s">
        <v>259</v>
      </c>
      <c r="V17" s="26"/>
      <c r="W17" s="23"/>
      <c r="X17" s="24"/>
      <c r="Y17" s="25"/>
      <c r="Z17" s="23"/>
      <c r="AA17" s="23"/>
      <c r="AB17" s="23"/>
      <c r="AC17" s="24"/>
      <c r="AD17" s="25" t="s">
        <v>0</v>
      </c>
      <c r="AE17" s="23"/>
      <c r="AF17" s="23"/>
      <c r="AG17" s="23"/>
      <c r="AH17" s="24"/>
      <c r="AI17" s="22"/>
      <c r="AJ17" s="53">
        <v>4</v>
      </c>
      <c r="AK17" s="27"/>
    </row>
    <row r="18" spans="1:37" x14ac:dyDescent="0.2">
      <c r="A18" s="60" t="s">
        <v>292</v>
      </c>
      <c r="B18" s="1">
        <v>36</v>
      </c>
      <c r="C18" s="67"/>
      <c r="D18" s="68"/>
      <c r="E18" s="79"/>
      <c r="F18" s="80"/>
      <c r="G18" s="68"/>
      <c r="H18" s="68"/>
      <c r="I18" s="68"/>
      <c r="J18" s="79"/>
      <c r="K18" s="80"/>
      <c r="L18" s="68"/>
      <c r="M18" s="68"/>
      <c r="N18" s="68"/>
      <c r="O18" s="79"/>
      <c r="P18" s="67"/>
      <c r="Q18" s="51"/>
      <c r="R18" s="8"/>
      <c r="T18" s="60" t="s">
        <v>255</v>
      </c>
      <c r="U18" s="2" t="s">
        <v>259</v>
      </c>
      <c r="V18" s="7"/>
      <c r="W18" s="4"/>
      <c r="X18" s="5"/>
      <c r="Y18" s="6"/>
      <c r="Z18" s="4"/>
      <c r="AA18" s="4"/>
      <c r="AB18" s="4" t="s">
        <v>0</v>
      </c>
      <c r="AC18" s="5"/>
      <c r="AD18" s="6"/>
      <c r="AE18" s="4"/>
      <c r="AF18" s="4"/>
      <c r="AG18" s="4"/>
      <c r="AH18" s="5"/>
      <c r="AI18" s="3"/>
      <c r="AJ18" s="51">
        <v>4</v>
      </c>
      <c r="AK18" s="8"/>
    </row>
    <row r="19" spans="1:37" x14ac:dyDescent="0.2">
      <c r="A19" s="58" t="s">
        <v>234</v>
      </c>
      <c r="B19" s="10" t="s">
        <v>259</v>
      </c>
      <c r="C19" s="17"/>
      <c r="D19" s="13"/>
      <c r="E19" s="14"/>
      <c r="F19" s="15"/>
      <c r="G19" s="13"/>
      <c r="H19" s="13"/>
      <c r="I19" s="13"/>
      <c r="J19" s="14"/>
      <c r="K19" s="15"/>
      <c r="L19" s="13"/>
      <c r="M19" s="13"/>
      <c r="N19" s="13"/>
      <c r="O19" s="14" t="s">
        <v>0</v>
      </c>
      <c r="P19" s="12"/>
      <c r="Q19" s="52">
        <v>4</v>
      </c>
      <c r="R19" s="18"/>
      <c r="T19" s="58" t="s">
        <v>265</v>
      </c>
      <c r="U19" s="11">
        <v>31</v>
      </c>
      <c r="V19" s="12"/>
      <c r="W19" s="13"/>
      <c r="X19" s="14"/>
      <c r="Y19" s="15"/>
      <c r="Z19" s="13"/>
      <c r="AA19" s="13"/>
      <c r="AB19" s="13"/>
      <c r="AC19" s="14"/>
      <c r="AD19" s="15"/>
      <c r="AE19" s="13"/>
      <c r="AF19" s="13"/>
      <c r="AG19" s="13"/>
      <c r="AH19" s="14"/>
      <c r="AI19" s="12"/>
      <c r="AJ19" s="52"/>
      <c r="AK19" s="18"/>
    </row>
    <row r="20" spans="1:37" x14ac:dyDescent="0.2">
      <c r="A20" s="58" t="s">
        <v>291</v>
      </c>
      <c r="B20" s="10">
        <v>44</v>
      </c>
      <c r="C20" s="12"/>
      <c r="D20" s="13"/>
      <c r="E20" s="14"/>
      <c r="F20" s="15"/>
      <c r="G20" s="13"/>
      <c r="H20" s="13"/>
      <c r="I20" s="13"/>
      <c r="J20" s="14"/>
      <c r="K20" s="15"/>
      <c r="L20" s="13"/>
      <c r="M20" s="13"/>
      <c r="N20" s="13"/>
      <c r="O20" s="14"/>
      <c r="P20" s="12"/>
      <c r="Q20" s="52"/>
      <c r="R20" s="18"/>
      <c r="T20" s="58" t="s">
        <v>256</v>
      </c>
      <c r="U20" s="11" t="s">
        <v>259</v>
      </c>
      <c r="V20" s="17"/>
      <c r="W20" s="13"/>
      <c r="X20" s="14"/>
      <c r="Y20" s="15"/>
      <c r="Z20" s="13"/>
      <c r="AA20" s="13"/>
      <c r="AB20" s="13"/>
      <c r="AC20" s="14"/>
      <c r="AD20" s="15"/>
      <c r="AE20" s="13"/>
      <c r="AF20" s="13"/>
      <c r="AG20" s="13"/>
      <c r="AH20" s="14" t="s">
        <v>0</v>
      </c>
      <c r="AI20" s="12"/>
      <c r="AJ20" s="52">
        <v>4</v>
      </c>
      <c r="AK20" s="18"/>
    </row>
    <row r="21" spans="1:37" x14ac:dyDescent="0.2">
      <c r="A21" s="58" t="s">
        <v>235</v>
      </c>
      <c r="B21" s="10" t="s">
        <v>259</v>
      </c>
      <c r="C21" s="17"/>
      <c r="D21" s="13"/>
      <c r="E21" s="14"/>
      <c r="F21" s="15"/>
      <c r="G21" s="13"/>
      <c r="H21" s="13"/>
      <c r="I21" s="13"/>
      <c r="J21" s="14" t="s">
        <v>0</v>
      </c>
      <c r="K21" s="15" t="s">
        <v>0</v>
      </c>
      <c r="L21" s="13"/>
      <c r="M21" s="13"/>
      <c r="N21" s="13"/>
      <c r="O21" s="14"/>
      <c r="P21" s="12"/>
      <c r="Q21" s="52">
        <v>8</v>
      </c>
      <c r="R21" s="18"/>
      <c r="T21" s="58" t="s">
        <v>264</v>
      </c>
      <c r="U21" s="11">
        <v>121</v>
      </c>
      <c r="V21" s="12"/>
      <c r="W21" s="13"/>
      <c r="X21" s="14"/>
      <c r="Y21" s="15"/>
      <c r="Z21" s="13"/>
      <c r="AA21" s="13"/>
      <c r="AB21" s="13"/>
      <c r="AC21" s="14"/>
      <c r="AD21" s="15"/>
      <c r="AE21" s="13"/>
      <c r="AF21" s="13"/>
      <c r="AG21" s="13"/>
      <c r="AH21" s="14"/>
      <c r="AI21" s="12"/>
      <c r="AJ21" s="52"/>
      <c r="AK21" s="18"/>
    </row>
    <row r="22" spans="1:37" x14ac:dyDescent="0.2">
      <c r="A22" s="59" t="s">
        <v>236</v>
      </c>
      <c r="B22" s="20" t="s">
        <v>259</v>
      </c>
      <c r="C22" s="26"/>
      <c r="D22" s="23"/>
      <c r="E22" s="24"/>
      <c r="F22" s="25"/>
      <c r="G22" s="23"/>
      <c r="H22" s="23"/>
      <c r="I22" s="23"/>
      <c r="J22" s="24"/>
      <c r="K22" s="25" t="s">
        <v>0</v>
      </c>
      <c r="L22" s="23"/>
      <c r="M22" s="23"/>
      <c r="N22" s="23"/>
      <c r="O22" s="24"/>
      <c r="P22" s="22"/>
      <c r="Q22" s="53">
        <v>4</v>
      </c>
      <c r="R22" s="27"/>
      <c r="T22" s="62" t="s">
        <v>257</v>
      </c>
      <c r="U22" s="21" t="s">
        <v>259</v>
      </c>
      <c r="V22" s="22"/>
      <c r="W22" s="23"/>
      <c r="X22" s="24"/>
      <c r="Y22" s="25"/>
      <c r="Z22" s="23"/>
      <c r="AA22" s="23"/>
      <c r="AB22" s="23"/>
      <c r="AC22" s="24"/>
      <c r="AD22" s="25"/>
      <c r="AE22" s="23"/>
      <c r="AF22" s="23"/>
      <c r="AG22" s="23" t="s">
        <v>0</v>
      </c>
      <c r="AH22" s="24"/>
      <c r="AI22" s="22"/>
      <c r="AJ22" s="53">
        <v>8</v>
      </c>
      <c r="AK22" s="27"/>
    </row>
    <row r="23" spans="1:37" x14ac:dyDescent="0.2">
      <c r="A23" s="60" t="s">
        <v>290</v>
      </c>
      <c r="B23" s="1">
        <v>30</v>
      </c>
      <c r="C23" s="3"/>
      <c r="D23" s="4"/>
      <c r="E23" s="5"/>
      <c r="F23" s="6"/>
      <c r="G23" s="4"/>
      <c r="H23" s="4"/>
      <c r="I23" s="4"/>
      <c r="J23" s="5"/>
      <c r="K23" s="6"/>
      <c r="L23" s="4"/>
      <c r="M23" s="4"/>
      <c r="N23" s="4"/>
      <c r="O23" s="5"/>
      <c r="P23" s="3"/>
      <c r="Q23" s="51"/>
      <c r="R23" s="8"/>
      <c r="T23" s="60" t="s">
        <v>263</v>
      </c>
      <c r="U23" s="2">
        <v>24</v>
      </c>
      <c r="V23" s="3"/>
      <c r="W23" s="4"/>
      <c r="X23" s="5"/>
      <c r="Y23" s="6"/>
      <c r="Z23" s="4"/>
      <c r="AA23" s="4"/>
      <c r="AB23" s="4"/>
      <c r="AC23" s="5"/>
      <c r="AD23" s="6"/>
      <c r="AE23" s="4"/>
      <c r="AF23" s="4"/>
      <c r="AG23" s="4"/>
      <c r="AH23" s="5"/>
      <c r="AI23" s="3"/>
      <c r="AJ23" s="51"/>
      <c r="AK23" s="8"/>
    </row>
    <row r="24" spans="1:37" x14ac:dyDescent="0.2">
      <c r="A24" s="58" t="s">
        <v>289</v>
      </c>
      <c r="B24" s="10">
        <v>30</v>
      </c>
      <c r="C24" s="12"/>
      <c r="D24" s="13"/>
      <c r="E24" s="14"/>
      <c r="F24" s="15"/>
      <c r="G24" s="13"/>
      <c r="H24" s="13"/>
      <c r="I24" s="13"/>
      <c r="J24" s="14"/>
      <c r="K24" s="15"/>
      <c r="L24" s="13"/>
      <c r="M24" s="13"/>
      <c r="N24" s="13"/>
      <c r="O24" s="14"/>
      <c r="P24" s="12"/>
      <c r="Q24" s="52"/>
      <c r="R24" s="18"/>
      <c r="T24" s="58" t="s">
        <v>258</v>
      </c>
      <c r="U24" s="11" t="s">
        <v>259</v>
      </c>
      <c r="V24" s="12"/>
      <c r="W24" s="13"/>
      <c r="X24" s="14"/>
      <c r="Y24" s="15"/>
      <c r="Z24" s="13"/>
      <c r="AA24" s="13"/>
      <c r="AB24" s="13"/>
      <c r="AC24" s="14"/>
      <c r="AD24" s="15"/>
      <c r="AE24" s="13"/>
      <c r="AF24" s="13"/>
      <c r="AG24" s="13"/>
      <c r="AH24" s="14" t="s">
        <v>0</v>
      </c>
      <c r="AI24" s="12"/>
      <c r="AJ24" s="52">
        <v>4</v>
      </c>
      <c r="AK24" s="18"/>
    </row>
    <row r="25" spans="1:37" x14ac:dyDescent="0.2">
      <c r="A25" s="58" t="s">
        <v>237</v>
      </c>
      <c r="B25" s="10" t="s">
        <v>259</v>
      </c>
      <c r="C25" s="17"/>
      <c r="D25" s="13"/>
      <c r="E25" s="14"/>
      <c r="F25" s="15"/>
      <c r="G25" s="13"/>
      <c r="H25" s="13"/>
      <c r="I25" s="13"/>
      <c r="J25" s="14"/>
      <c r="K25" s="15" t="s">
        <v>0</v>
      </c>
      <c r="L25" s="13"/>
      <c r="M25" s="13"/>
      <c r="N25" s="13"/>
      <c r="O25" s="14"/>
      <c r="P25" s="12"/>
      <c r="Q25" s="52">
        <v>4</v>
      </c>
      <c r="R25" s="18"/>
      <c r="T25" s="58" t="s">
        <v>262</v>
      </c>
      <c r="U25" s="11">
        <v>44</v>
      </c>
      <c r="V25" s="12"/>
      <c r="W25" s="13"/>
      <c r="X25" s="14"/>
      <c r="Y25" s="15"/>
      <c r="Z25" s="13"/>
      <c r="AA25" s="13"/>
      <c r="AB25" s="13"/>
      <c r="AC25" s="14"/>
      <c r="AD25" s="15"/>
      <c r="AE25" s="13"/>
      <c r="AF25" s="13"/>
      <c r="AG25" s="13"/>
      <c r="AH25" s="14"/>
      <c r="AI25" s="12"/>
      <c r="AJ25" s="52"/>
      <c r="AK25" s="18"/>
    </row>
    <row r="26" spans="1:37" x14ac:dyDescent="0.2">
      <c r="A26" s="58" t="s">
        <v>288</v>
      </c>
      <c r="B26" s="10">
        <v>26</v>
      </c>
      <c r="C26" s="12"/>
      <c r="D26" s="13"/>
      <c r="E26" s="14"/>
      <c r="F26" s="15"/>
      <c r="G26" s="13"/>
      <c r="H26" s="13"/>
      <c r="I26" s="13"/>
      <c r="J26" s="14"/>
      <c r="K26" s="15"/>
      <c r="L26" s="13"/>
      <c r="M26" s="13"/>
      <c r="N26" s="13"/>
      <c r="O26" s="14"/>
      <c r="P26" s="12"/>
      <c r="Q26" s="52"/>
      <c r="R26" s="18"/>
      <c r="T26" s="58" t="s">
        <v>261</v>
      </c>
      <c r="U26" s="11">
        <v>30</v>
      </c>
      <c r="V26" s="12"/>
      <c r="W26" s="13"/>
      <c r="X26" s="14"/>
      <c r="Y26" s="15"/>
      <c r="Z26" s="13"/>
      <c r="AA26" s="13"/>
      <c r="AB26" s="13"/>
      <c r="AC26" s="14"/>
      <c r="AD26" s="15"/>
      <c r="AE26" s="13"/>
      <c r="AF26" s="13"/>
      <c r="AG26" s="13"/>
      <c r="AH26" s="14"/>
      <c r="AI26" s="12"/>
      <c r="AJ26" s="52"/>
      <c r="AK26" s="18"/>
    </row>
    <row r="27" spans="1:37" x14ac:dyDescent="0.2">
      <c r="A27" s="59">
        <v>1113</v>
      </c>
      <c r="B27" s="20" t="s">
        <v>259</v>
      </c>
      <c r="C27" s="22"/>
      <c r="D27" s="23"/>
      <c r="E27" s="24"/>
      <c r="F27" s="25"/>
      <c r="G27" s="23"/>
      <c r="H27" s="23"/>
      <c r="I27" s="23"/>
      <c r="J27" s="24"/>
      <c r="K27" s="25"/>
      <c r="L27" s="23"/>
      <c r="M27" s="23"/>
      <c r="N27" s="23" t="s">
        <v>3</v>
      </c>
      <c r="O27" s="24" t="s">
        <v>3</v>
      </c>
      <c r="P27" s="22"/>
      <c r="Q27" s="53">
        <v>1</v>
      </c>
      <c r="R27" s="27"/>
      <c r="U27" s="78" t="s">
        <v>259</v>
      </c>
    </row>
    <row r="28" spans="1:37" x14ac:dyDescent="0.2">
      <c r="A28" s="60" t="s">
        <v>287</v>
      </c>
      <c r="B28" s="1">
        <v>18</v>
      </c>
      <c r="C28" s="3"/>
      <c r="D28" s="4"/>
      <c r="E28" s="5"/>
      <c r="F28" s="6"/>
      <c r="G28" s="4"/>
      <c r="H28" s="4"/>
      <c r="I28" s="4"/>
      <c r="J28" s="5"/>
      <c r="K28" s="6"/>
      <c r="L28" s="4"/>
      <c r="M28" s="4"/>
      <c r="N28" s="4"/>
      <c r="O28" s="5"/>
      <c r="P28" s="3"/>
      <c r="Q28" s="51"/>
      <c r="R28" s="8"/>
      <c r="U28" s="78" t="s">
        <v>259</v>
      </c>
    </row>
    <row r="29" spans="1:37" x14ac:dyDescent="0.2">
      <c r="A29" s="58" t="s">
        <v>238</v>
      </c>
      <c r="B29" s="10" t="s">
        <v>259</v>
      </c>
      <c r="C29" s="17"/>
      <c r="D29" s="13"/>
      <c r="E29" s="14"/>
      <c r="F29" s="15"/>
      <c r="G29" s="13"/>
      <c r="H29" s="13"/>
      <c r="I29" s="13"/>
      <c r="J29" s="14" t="s">
        <v>0</v>
      </c>
      <c r="K29" s="15" t="s">
        <v>0</v>
      </c>
      <c r="L29" s="13"/>
      <c r="M29" s="13"/>
      <c r="N29" s="13"/>
      <c r="O29" s="14"/>
      <c r="P29" s="12"/>
      <c r="Q29" s="52">
        <v>8</v>
      </c>
      <c r="R29" s="18"/>
      <c r="U29" s="78" t="s">
        <v>259</v>
      </c>
    </row>
    <row r="30" spans="1:37" x14ac:dyDescent="0.2">
      <c r="A30" s="58" t="s">
        <v>286</v>
      </c>
      <c r="B30" s="10">
        <v>22</v>
      </c>
      <c r="C30" s="12"/>
      <c r="D30" s="13"/>
      <c r="E30" s="14"/>
      <c r="F30" s="15"/>
      <c r="G30" s="13"/>
      <c r="H30" s="13"/>
      <c r="I30" s="13"/>
      <c r="J30" s="14"/>
      <c r="K30" s="15"/>
      <c r="L30" s="13"/>
      <c r="M30" s="13"/>
      <c r="N30" s="13"/>
      <c r="O30" s="14"/>
      <c r="P30" s="12"/>
      <c r="Q30" s="54"/>
      <c r="R30" s="16"/>
      <c r="U30" s="78" t="s">
        <v>259</v>
      </c>
    </row>
    <row r="31" spans="1:37" x14ac:dyDescent="0.2">
      <c r="A31" s="58" t="s">
        <v>239</v>
      </c>
      <c r="B31" s="10" t="s">
        <v>259</v>
      </c>
      <c r="C31" s="17"/>
      <c r="D31" s="13"/>
      <c r="E31" s="14"/>
      <c r="F31" s="15"/>
      <c r="G31" s="13"/>
      <c r="H31" s="13"/>
      <c r="I31" s="13"/>
      <c r="J31" s="14"/>
      <c r="K31" s="15"/>
      <c r="L31" s="13"/>
      <c r="M31" s="13"/>
      <c r="N31" s="13"/>
      <c r="O31" s="14" t="s">
        <v>0</v>
      </c>
      <c r="P31" s="12"/>
      <c r="Q31" s="52">
        <v>4</v>
      </c>
      <c r="R31" s="18"/>
      <c r="U31" s="78" t="s">
        <v>259</v>
      </c>
    </row>
    <row r="32" spans="1:37" x14ac:dyDescent="0.2">
      <c r="A32" s="59" t="s">
        <v>285</v>
      </c>
      <c r="B32" s="20">
        <v>17</v>
      </c>
      <c r="C32" s="22"/>
      <c r="D32" s="23"/>
      <c r="E32" s="24"/>
      <c r="F32" s="25"/>
      <c r="G32" s="23"/>
      <c r="H32" s="23"/>
      <c r="I32" s="23"/>
      <c r="J32" s="24"/>
      <c r="K32" s="25"/>
      <c r="L32" s="23"/>
      <c r="M32" s="23"/>
      <c r="N32" s="23"/>
      <c r="O32" s="24"/>
      <c r="P32" s="22"/>
      <c r="Q32" s="53"/>
      <c r="R32" s="27"/>
      <c r="U32" s="78" t="s">
        <v>259</v>
      </c>
    </row>
    <row r="33" spans="1:21" x14ac:dyDescent="0.2">
      <c r="A33" s="60" t="s">
        <v>240</v>
      </c>
      <c r="B33" s="1" t="s">
        <v>259</v>
      </c>
      <c r="C33" s="7"/>
      <c r="D33" s="4"/>
      <c r="E33" s="5"/>
      <c r="F33" s="6"/>
      <c r="G33" s="4"/>
      <c r="H33" s="4"/>
      <c r="I33" s="4"/>
      <c r="J33" s="5"/>
      <c r="K33" s="6" t="s">
        <v>0</v>
      </c>
      <c r="L33" s="4"/>
      <c r="M33" s="4"/>
      <c r="N33" s="4"/>
      <c r="O33" s="5"/>
      <c r="P33" s="3"/>
      <c r="Q33" s="51">
        <v>4</v>
      </c>
      <c r="R33" s="8"/>
      <c r="U33" s="78" t="s">
        <v>259</v>
      </c>
    </row>
    <row r="34" spans="1:21" x14ac:dyDescent="0.2">
      <c r="A34" s="58" t="s">
        <v>284</v>
      </c>
      <c r="B34" s="10">
        <v>31</v>
      </c>
      <c r="C34" s="12"/>
      <c r="D34" s="13"/>
      <c r="E34" s="14"/>
      <c r="F34" s="15"/>
      <c r="G34" s="13"/>
      <c r="H34" s="13"/>
      <c r="I34" s="13"/>
      <c r="J34" s="14"/>
      <c r="K34" s="15"/>
      <c r="L34" s="13"/>
      <c r="M34" s="13"/>
      <c r="N34" s="13"/>
      <c r="O34" s="14"/>
      <c r="P34" s="12"/>
      <c r="Q34" s="52"/>
      <c r="R34" s="18"/>
      <c r="U34" s="78" t="s">
        <v>259</v>
      </c>
    </row>
    <row r="35" spans="1:21" x14ac:dyDescent="0.2">
      <c r="A35" s="58" t="s">
        <v>241</v>
      </c>
      <c r="B35" s="10" t="s">
        <v>259</v>
      </c>
      <c r="C35" s="17"/>
      <c r="D35" s="13"/>
      <c r="E35" s="14"/>
      <c r="F35" s="15"/>
      <c r="G35" s="13"/>
      <c r="H35" s="13"/>
      <c r="I35" s="13"/>
      <c r="J35" s="14"/>
      <c r="K35" s="15"/>
      <c r="L35" s="13"/>
      <c r="M35" s="13"/>
      <c r="N35" s="13"/>
      <c r="O35" s="14" t="s">
        <v>0</v>
      </c>
      <c r="P35" s="12"/>
      <c r="Q35" s="52">
        <v>4</v>
      </c>
      <c r="R35" s="18"/>
      <c r="U35" s="78" t="s">
        <v>259</v>
      </c>
    </row>
    <row r="36" spans="1:21" x14ac:dyDescent="0.2">
      <c r="A36" s="58" t="s">
        <v>283</v>
      </c>
      <c r="B36" s="10">
        <v>51</v>
      </c>
      <c r="C36" s="12"/>
      <c r="D36" s="13"/>
      <c r="E36" s="14"/>
      <c r="F36" s="15"/>
      <c r="G36" s="13"/>
      <c r="H36" s="13"/>
      <c r="I36" s="13"/>
      <c r="J36" s="14"/>
      <c r="K36" s="15"/>
      <c r="L36" s="13"/>
      <c r="M36" s="13"/>
      <c r="N36" s="13"/>
      <c r="O36" s="14"/>
      <c r="P36" s="12"/>
      <c r="Q36" s="52"/>
      <c r="R36" s="18"/>
      <c r="U36" s="78" t="s">
        <v>259</v>
      </c>
    </row>
    <row r="37" spans="1:21" x14ac:dyDescent="0.2">
      <c r="A37" s="59" t="s">
        <v>282</v>
      </c>
      <c r="B37" s="20">
        <v>42</v>
      </c>
      <c r="C37" s="22"/>
      <c r="D37" s="23"/>
      <c r="E37" s="24"/>
      <c r="F37" s="25"/>
      <c r="G37" s="23"/>
      <c r="H37" s="23"/>
      <c r="I37" s="23"/>
      <c r="J37" s="24"/>
      <c r="K37" s="25"/>
      <c r="L37" s="23"/>
      <c r="M37" s="23"/>
      <c r="N37" s="23"/>
      <c r="O37" s="24"/>
      <c r="P37" s="22"/>
      <c r="Q37" s="53"/>
      <c r="R37" s="27"/>
      <c r="U37" s="78" t="s">
        <v>259</v>
      </c>
    </row>
    <row r="38" spans="1:21" x14ac:dyDescent="0.2">
      <c r="A38" s="60" t="s">
        <v>242</v>
      </c>
      <c r="B38" s="1" t="s">
        <v>259</v>
      </c>
      <c r="C38" s="7"/>
      <c r="D38" s="4"/>
      <c r="E38" s="5"/>
      <c r="F38" s="6"/>
      <c r="G38" s="4"/>
      <c r="H38" s="4"/>
      <c r="I38" s="4"/>
      <c r="J38" s="5"/>
      <c r="K38" s="6"/>
      <c r="L38" s="4"/>
      <c r="M38" s="4" t="s">
        <v>0</v>
      </c>
      <c r="N38" s="4"/>
      <c r="O38" s="5"/>
      <c r="P38" s="3"/>
      <c r="Q38" s="51">
        <v>4</v>
      </c>
      <c r="R38" s="8"/>
      <c r="U38" s="78" t="s">
        <v>259</v>
      </c>
    </row>
    <row r="39" spans="1:21" x14ac:dyDescent="0.2">
      <c r="A39" s="58" t="s">
        <v>243</v>
      </c>
      <c r="B39" s="10" t="s">
        <v>259</v>
      </c>
      <c r="C39" s="17"/>
      <c r="D39" s="13"/>
      <c r="E39" s="14"/>
      <c r="F39" s="15"/>
      <c r="G39" s="13"/>
      <c r="H39" s="13"/>
      <c r="I39" s="13"/>
      <c r="J39" s="14"/>
      <c r="K39" s="15"/>
      <c r="L39" s="13"/>
      <c r="M39" s="13" t="s">
        <v>0</v>
      </c>
      <c r="N39" s="13" t="s">
        <v>0</v>
      </c>
      <c r="O39" s="14" t="s">
        <v>0</v>
      </c>
      <c r="P39" s="12"/>
      <c r="Q39" s="52">
        <v>16</v>
      </c>
      <c r="R39" s="18"/>
      <c r="U39" s="78" t="s">
        <v>259</v>
      </c>
    </row>
    <row r="40" spans="1:21" x14ac:dyDescent="0.2">
      <c r="A40" s="58" t="s">
        <v>281</v>
      </c>
      <c r="B40" s="10">
        <v>37</v>
      </c>
      <c r="C40" s="12"/>
      <c r="D40" s="13"/>
      <c r="E40" s="14"/>
      <c r="F40" s="15"/>
      <c r="G40" s="13"/>
      <c r="H40" s="13"/>
      <c r="I40" s="13"/>
      <c r="J40" s="14"/>
      <c r="K40" s="15"/>
      <c r="L40" s="13"/>
      <c r="M40" s="13"/>
      <c r="N40" s="13"/>
      <c r="O40" s="14"/>
      <c r="P40" s="12"/>
      <c r="Q40" s="52"/>
      <c r="R40" s="18"/>
      <c r="U40" s="78" t="s">
        <v>259</v>
      </c>
    </row>
    <row r="41" spans="1:21" x14ac:dyDescent="0.2">
      <c r="A41" s="58" t="s">
        <v>280</v>
      </c>
      <c r="B41" s="10">
        <v>21</v>
      </c>
      <c r="C41" s="12"/>
      <c r="D41" s="13"/>
      <c r="E41" s="14"/>
      <c r="F41" s="15"/>
      <c r="G41" s="13"/>
      <c r="H41" s="13"/>
      <c r="I41" s="13"/>
      <c r="J41" s="14"/>
      <c r="K41" s="15"/>
      <c r="L41" s="13"/>
      <c r="M41" s="13"/>
      <c r="N41" s="13"/>
      <c r="O41" s="14"/>
      <c r="P41" s="12"/>
      <c r="Q41" s="52"/>
      <c r="R41" s="18"/>
      <c r="U41" s="78" t="s">
        <v>259</v>
      </c>
    </row>
    <row r="42" spans="1:21" x14ac:dyDescent="0.2">
      <c r="A42" s="59">
        <v>1121</v>
      </c>
      <c r="B42" s="20" t="s">
        <v>259</v>
      </c>
      <c r="C42" s="26" t="s">
        <v>0</v>
      </c>
      <c r="D42" s="23"/>
      <c r="E42" s="24"/>
      <c r="F42" s="25"/>
      <c r="G42" s="23"/>
      <c r="H42" s="23"/>
      <c r="I42" s="23"/>
      <c r="J42" s="24"/>
      <c r="K42" s="25"/>
      <c r="L42" s="23"/>
      <c r="M42" s="23"/>
      <c r="N42" s="23"/>
      <c r="O42" s="24"/>
      <c r="P42" s="22"/>
      <c r="Q42" s="53">
        <v>3</v>
      </c>
      <c r="R42" s="27"/>
      <c r="U42" s="78" t="s">
        <v>259</v>
      </c>
    </row>
    <row r="43" spans="1:21" x14ac:dyDescent="0.2">
      <c r="A43" s="60" t="s">
        <v>244</v>
      </c>
      <c r="B43" s="1" t="s">
        <v>259</v>
      </c>
      <c r="C43" s="7"/>
      <c r="D43" s="4"/>
      <c r="E43" s="5"/>
      <c r="F43" s="6"/>
      <c r="G43" s="4"/>
      <c r="H43" s="4"/>
      <c r="I43" s="4"/>
      <c r="J43" s="5"/>
      <c r="K43" s="6" t="s">
        <v>0</v>
      </c>
      <c r="L43" s="4" t="s">
        <v>0</v>
      </c>
      <c r="M43" s="4"/>
      <c r="N43" s="4"/>
      <c r="O43" s="5"/>
      <c r="P43" s="3"/>
      <c r="Q43" s="51">
        <v>4</v>
      </c>
      <c r="R43" s="8"/>
      <c r="U43" s="78" t="s">
        <v>259</v>
      </c>
    </row>
    <row r="44" spans="1:21" x14ac:dyDescent="0.2">
      <c r="A44" s="58" t="s">
        <v>245</v>
      </c>
      <c r="B44" s="10" t="s">
        <v>259</v>
      </c>
      <c r="C44" s="17"/>
      <c r="D44" s="13"/>
      <c r="E44" s="14"/>
      <c r="F44" s="15"/>
      <c r="G44" s="13"/>
      <c r="H44" s="13"/>
      <c r="I44" s="13"/>
      <c r="J44" s="14" t="s">
        <v>0</v>
      </c>
      <c r="K44" s="15" t="s">
        <v>0</v>
      </c>
      <c r="L44" s="13"/>
      <c r="M44" s="13"/>
      <c r="N44" s="13"/>
      <c r="O44" s="14"/>
      <c r="P44" s="12"/>
      <c r="Q44" s="52">
        <v>4</v>
      </c>
      <c r="R44" s="18"/>
      <c r="U44" s="78" t="s">
        <v>259</v>
      </c>
    </row>
    <row r="45" spans="1:21" x14ac:dyDescent="0.2">
      <c r="A45" s="58" t="s">
        <v>279</v>
      </c>
      <c r="B45" s="10">
        <v>31</v>
      </c>
      <c r="C45" s="12"/>
      <c r="D45" s="13"/>
      <c r="E45" s="14"/>
      <c r="F45" s="15"/>
      <c r="G45" s="13"/>
      <c r="H45" s="13"/>
      <c r="I45" s="13"/>
      <c r="J45" s="14"/>
      <c r="K45" s="15"/>
      <c r="L45" s="13"/>
      <c r="M45" s="13"/>
      <c r="N45" s="13"/>
      <c r="O45" s="14"/>
      <c r="P45" s="12"/>
      <c r="Q45" s="52"/>
      <c r="R45" s="18"/>
      <c r="U45" s="78" t="s">
        <v>259</v>
      </c>
    </row>
    <row r="46" spans="1:21" x14ac:dyDescent="0.2">
      <c r="A46" s="58" t="s">
        <v>278</v>
      </c>
      <c r="B46" s="10">
        <v>46</v>
      </c>
      <c r="C46" s="12"/>
      <c r="D46" s="13"/>
      <c r="E46" s="14"/>
      <c r="F46" s="15"/>
      <c r="G46" s="13"/>
      <c r="H46" s="13"/>
      <c r="I46" s="13"/>
      <c r="J46" s="14"/>
      <c r="K46" s="15"/>
      <c r="L46" s="13"/>
      <c r="M46" s="13"/>
      <c r="N46" s="13"/>
      <c r="O46" s="14"/>
      <c r="P46" s="12"/>
      <c r="Q46" s="52"/>
      <c r="R46" s="18"/>
      <c r="U46" s="78" t="s">
        <v>259</v>
      </c>
    </row>
    <row r="47" spans="1:21" x14ac:dyDescent="0.2">
      <c r="A47" s="59" t="s">
        <v>277</v>
      </c>
      <c r="B47" s="20">
        <v>39</v>
      </c>
      <c r="C47" s="22"/>
      <c r="D47" s="23"/>
      <c r="E47" s="24"/>
      <c r="F47" s="25"/>
      <c r="G47" s="23"/>
      <c r="H47" s="23"/>
      <c r="I47" s="23"/>
      <c r="J47" s="24"/>
      <c r="K47" s="25"/>
      <c r="L47" s="23"/>
      <c r="M47" s="23"/>
      <c r="N47" s="23"/>
      <c r="O47" s="24"/>
      <c r="P47" s="22"/>
      <c r="Q47" s="53"/>
      <c r="R47" s="27"/>
      <c r="U47" s="78" t="s">
        <v>259</v>
      </c>
    </row>
    <row r="48" spans="1:21" x14ac:dyDescent="0.2">
      <c r="A48" s="60" t="s">
        <v>276</v>
      </c>
      <c r="B48" s="1">
        <v>31</v>
      </c>
      <c r="C48" s="3"/>
      <c r="D48" s="4"/>
      <c r="E48" s="5"/>
      <c r="F48" s="6"/>
      <c r="G48" s="4"/>
      <c r="H48" s="4"/>
      <c r="I48" s="4"/>
      <c r="J48" s="5"/>
      <c r="K48" s="6"/>
      <c r="L48" s="4"/>
      <c r="M48" s="4"/>
      <c r="N48" s="4"/>
      <c r="O48" s="5"/>
      <c r="P48" s="3"/>
      <c r="Q48" s="51"/>
      <c r="R48" s="8"/>
      <c r="U48" s="78" t="s">
        <v>259</v>
      </c>
    </row>
    <row r="49" spans="1:22" x14ac:dyDescent="0.2">
      <c r="A49" s="58" t="s">
        <v>246</v>
      </c>
      <c r="B49" s="10" t="s">
        <v>259</v>
      </c>
      <c r="C49" s="17"/>
      <c r="D49" s="13"/>
      <c r="E49" s="14"/>
      <c r="F49" s="15"/>
      <c r="G49" s="13"/>
      <c r="H49" s="13"/>
      <c r="I49" s="13"/>
      <c r="J49" s="14"/>
      <c r="K49" s="15"/>
      <c r="L49" s="13"/>
      <c r="M49" s="13"/>
      <c r="N49" s="13" t="s">
        <v>0</v>
      </c>
      <c r="O49" s="14"/>
      <c r="P49" s="12"/>
      <c r="Q49" s="52">
        <v>4</v>
      </c>
      <c r="R49" s="18"/>
      <c r="U49" s="78" t="s">
        <v>259</v>
      </c>
    </row>
    <row r="50" spans="1:22" x14ac:dyDescent="0.2">
      <c r="A50" s="58" t="s">
        <v>247</v>
      </c>
      <c r="B50" s="10" t="s">
        <v>259</v>
      </c>
      <c r="C50" s="17"/>
      <c r="D50" s="13"/>
      <c r="E50" s="14"/>
      <c r="F50" s="15"/>
      <c r="G50" s="13"/>
      <c r="H50" s="13"/>
      <c r="I50" s="13"/>
      <c r="J50" s="14"/>
      <c r="K50" s="15" t="s">
        <v>0</v>
      </c>
      <c r="L50" s="13"/>
      <c r="M50" s="13" t="s">
        <v>0</v>
      </c>
      <c r="N50" s="13"/>
      <c r="O50" s="14"/>
      <c r="P50" s="12"/>
      <c r="Q50" s="52">
        <v>8</v>
      </c>
      <c r="R50" s="18"/>
      <c r="U50" s="78" t="s">
        <v>259</v>
      </c>
    </row>
    <row r="51" spans="1:22" x14ac:dyDescent="0.2">
      <c r="A51" s="58" t="s">
        <v>275</v>
      </c>
      <c r="B51" s="10">
        <v>21</v>
      </c>
      <c r="C51" s="12"/>
      <c r="D51" s="13"/>
      <c r="E51" s="14"/>
      <c r="F51" s="15"/>
      <c r="G51" s="13"/>
      <c r="H51" s="13"/>
      <c r="I51" s="13"/>
      <c r="J51" s="14"/>
      <c r="K51" s="15"/>
      <c r="L51" s="13"/>
      <c r="M51" s="13"/>
      <c r="N51" s="13"/>
      <c r="O51" s="14"/>
      <c r="P51" s="12"/>
      <c r="Q51" s="52"/>
      <c r="R51" s="18"/>
      <c r="U51" s="78" t="s">
        <v>259</v>
      </c>
    </row>
    <row r="52" spans="1:22" x14ac:dyDescent="0.2">
      <c r="A52" s="59" t="s">
        <v>274</v>
      </c>
      <c r="B52" s="20">
        <v>27</v>
      </c>
      <c r="C52" s="22"/>
      <c r="D52" s="23"/>
      <c r="E52" s="24"/>
      <c r="F52" s="25"/>
      <c r="G52" s="23"/>
      <c r="H52" s="23"/>
      <c r="I52" s="23"/>
      <c r="J52" s="24"/>
      <c r="K52" s="25"/>
      <c r="L52" s="23"/>
      <c r="M52" s="23"/>
      <c r="N52" s="23"/>
      <c r="O52" s="24"/>
      <c r="P52" s="22"/>
      <c r="Q52" s="53"/>
      <c r="R52" s="27"/>
      <c r="U52" s="78" t="s">
        <v>259</v>
      </c>
    </row>
    <row r="53" spans="1:22" x14ac:dyDescent="0.2">
      <c r="A53" s="58" t="s">
        <v>273</v>
      </c>
      <c r="B53" s="10">
        <v>50</v>
      </c>
      <c r="C53" s="12"/>
      <c r="D53" s="13"/>
      <c r="E53" s="14"/>
      <c r="F53" s="15"/>
      <c r="G53" s="13"/>
      <c r="H53" s="13"/>
      <c r="I53" s="13"/>
      <c r="J53" s="14"/>
      <c r="K53" s="15"/>
      <c r="L53" s="13"/>
      <c r="M53" s="13"/>
      <c r="N53" s="13"/>
      <c r="O53" s="14"/>
      <c r="P53" s="12"/>
      <c r="Q53" s="52"/>
      <c r="R53" s="18"/>
      <c r="U53" s="78" t="s">
        <v>259</v>
      </c>
    </row>
    <row r="54" spans="1:22" x14ac:dyDescent="0.2">
      <c r="A54" s="58"/>
      <c r="B54" s="11"/>
      <c r="C54" s="17"/>
      <c r="D54" s="13"/>
      <c r="E54" s="14"/>
      <c r="F54" s="15"/>
      <c r="G54" s="13"/>
      <c r="H54" s="13"/>
      <c r="I54" s="13"/>
      <c r="J54" s="14"/>
      <c r="K54" s="15"/>
      <c r="L54" s="13"/>
      <c r="M54" s="13"/>
      <c r="N54" s="13"/>
      <c r="O54" s="14"/>
      <c r="P54" s="12"/>
      <c r="Q54" s="52"/>
      <c r="R54" s="18"/>
    </row>
    <row r="55" spans="1:22" x14ac:dyDescent="0.2">
      <c r="A55" s="58"/>
      <c r="B55" s="11"/>
      <c r="C55" s="17"/>
      <c r="D55" s="13"/>
      <c r="E55" s="14"/>
      <c r="F55" s="15"/>
      <c r="G55" s="13"/>
      <c r="H55" s="13"/>
      <c r="I55" s="13"/>
      <c r="J55" s="14"/>
      <c r="K55" s="15"/>
      <c r="L55" s="13"/>
      <c r="M55" s="13"/>
      <c r="N55" s="13"/>
      <c r="O55" s="14"/>
      <c r="P55" s="12"/>
      <c r="Q55" s="52"/>
      <c r="R55" s="18"/>
    </row>
    <row r="56" spans="1:22" x14ac:dyDescent="0.2">
      <c r="A56" s="58"/>
      <c r="B56" s="11"/>
      <c r="C56" s="17"/>
      <c r="D56" s="13"/>
      <c r="E56" s="14"/>
      <c r="F56" s="15"/>
      <c r="G56" s="13"/>
      <c r="H56" s="13"/>
      <c r="I56" s="13"/>
      <c r="J56" s="14"/>
      <c r="K56" s="15"/>
      <c r="L56" s="13"/>
      <c r="M56" s="13"/>
      <c r="N56" s="13"/>
      <c r="O56" s="14"/>
      <c r="P56" s="12"/>
      <c r="Q56" s="52"/>
      <c r="R56" s="18"/>
      <c r="V56" s="89"/>
    </row>
    <row r="57" spans="1:22" x14ac:dyDescent="0.2">
      <c r="A57" s="59"/>
      <c r="B57" s="21"/>
      <c r="C57" s="26"/>
      <c r="D57" s="23"/>
      <c r="E57" s="24"/>
      <c r="F57" s="25"/>
      <c r="G57" s="23"/>
      <c r="H57" s="23"/>
      <c r="I57" s="23"/>
      <c r="J57" s="24"/>
      <c r="K57" s="25"/>
      <c r="L57" s="23"/>
      <c r="M57" s="23"/>
      <c r="N57" s="23"/>
      <c r="O57" s="24"/>
      <c r="P57" s="22"/>
      <c r="Q57" s="53"/>
      <c r="R57" s="27"/>
    </row>
    <row r="58" spans="1:22" x14ac:dyDescent="0.2">
      <c r="A58" s="60"/>
      <c r="B58" s="2"/>
      <c r="C58" s="7"/>
      <c r="D58" s="4"/>
      <c r="E58" s="5"/>
      <c r="F58" s="6"/>
      <c r="G58" s="4"/>
      <c r="H58" s="4"/>
      <c r="I58" s="4"/>
      <c r="J58" s="5"/>
      <c r="K58" s="6"/>
      <c r="L58" s="4"/>
      <c r="M58" s="4"/>
      <c r="N58" s="4"/>
      <c r="O58" s="5"/>
      <c r="P58" s="3"/>
      <c r="Q58" s="51"/>
      <c r="R58" s="8"/>
    </row>
    <row r="59" spans="1:22" x14ac:dyDescent="0.2">
      <c r="A59" s="58"/>
      <c r="B59" s="11"/>
      <c r="C59" s="17"/>
      <c r="D59" s="13"/>
      <c r="E59" s="14"/>
      <c r="F59" s="15"/>
      <c r="G59" s="13"/>
      <c r="H59" s="13"/>
      <c r="I59" s="13"/>
      <c r="J59" s="14"/>
      <c r="K59" s="15"/>
      <c r="L59" s="13"/>
      <c r="M59" s="13"/>
      <c r="N59" s="13"/>
      <c r="O59" s="14"/>
      <c r="P59" s="12"/>
      <c r="Q59" s="52"/>
      <c r="R59" s="18"/>
    </row>
    <row r="60" spans="1:22" x14ac:dyDescent="0.2">
      <c r="A60" s="58"/>
      <c r="B60" s="11"/>
      <c r="C60" s="17"/>
      <c r="D60" s="13"/>
      <c r="E60" s="14"/>
      <c r="F60" s="15"/>
      <c r="G60" s="13"/>
      <c r="H60" s="13"/>
      <c r="I60" s="13"/>
      <c r="J60" s="14"/>
      <c r="K60" s="15"/>
      <c r="L60" s="13"/>
      <c r="M60" s="13"/>
      <c r="N60" s="13"/>
      <c r="O60" s="14"/>
      <c r="P60" s="12"/>
      <c r="Q60" s="52"/>
      <c r="R60" s="18"/>
    </row>
    <row r="61" spans="1:22" x14ac:dyDescent="0.2">
      <c r="A61" s="58"/>
      <c r="B61" s="11"/>
      <c r="C61" s="17"/>
      <c r="D61" s="13"/>
      <c r="E61" s="14"/>
      <c r="F61" s="15"/>
      <c r="G61" s="13"/>
      <c r="H61" s="13"/>
      <c r="I61" s="13"/>
      <c r="J61" s="14"/>
      <c r="K61" s="15"/>
      <c r="L61" s="13"/>
      <c r="M61" s="13"/>
      <c r="N61" s="13"/>
      <c r="O61" s="14"/>
      <c r="P61" s="12"/>
      <c r="Q61" s="52"/>
      <c r="R61" s="18"/>
    </row>
    <row r="62" spans="1:22" x14ac:dyDescent="0.2">
      <c r="A62" s="59"/>
      <c r="B62" s="21"/>
      <c r="C62" s="26"/>
      <c r="D62" s="23"/>
      <c r="E62" s="24"/>
      <c r="F62" s="25"/>
      <c r="G62" s="23"/>
      <c r="H62" s="23"/>
      <c r="I62" s="23"/>
      <c r="J62" s="24"/>
      <c r="K62" s="25"/>
      <c r="L62" s="23"/>
      <c r="M62" s="23"/>
      <c r="N62" s="23"/>
      <c r="O62" s="24"/>
      <c r="P62" s="22"/>
      <c r="Q62" s="53"/>
      <c r="R62" s="27"/>
    </row>
    <row r="63" spans="1:22" x14ac:dyDescent="0.2">
      <c r="A63" s="60"/>
      <c r="B63" s="2"/>
      <c r="C63" s="7"/>
      <c r="D63" s="4"/>
      <c r="E63" s="5"/>
      <c r="F63" s="6"/>
      <c r="G63" s="4"/>
      <c r="H63" s="4"/>
      <c r="I63" s="4"/>
      <c r="J63" s="5"/>
      <c r="K63" s="6"/>
      <c r="L63" s="4"/>
      <c r="M63" s="4"/>
      <c r="N63" s="4"/>
      <c r="O63" s="5"/>
      <c r="P63" s="3"/>
      <c r="Q63" s="51"/>
      <c r="R63" s="8"/>
    </row>
    <row r="64" spans="1:22" x14ac:dyDescent="0.2">
      <c r="A64" s="58"/>
      <c r="B64" s="11"/>
      <c r="C64" s="17"/>
      <c r="D64" s="13"/>
      <c r="E64" s="14"/>
      <c r="F64" s="15"/>
      <c r="G64" s="13"/>
      <c r="H64" s="13"/>
      <c r="I64" s="13"/>
      <c r="J64" s="14"/>
      <c r="K64" s="15"/>
      <c r="L64" s="13"/>
      <c r="M64" s="13"/>
      <c r="N64" s="13"/>
      <c r="O64" s="14"/>
      <c r="P64" s="12"/>
      <c r="Q64" s="52"/>
      <c r="R64" s="18"/>
    </row>
    <row r="65" spans="1:18" x14ac:dyDescent="0.2">
      <c r="A65" s="58"/>
      <c r="B65" s="11"/>
      <c r="C65" s="17"/>
      <c r="D65" s="13"/>
      <c r="E65" s="14"/>
      <c r="F65" s="15"/>
      <c r="G65" s="13"/>
      <c r="H65" s="13"/>
      <c r="I65" s="13"/>
      <c r="J65" s="14"/>
      <c r="K65" s="15"/>
      <c r="L65" s="13"/>
      <c r="M65" s="13"/>
      <c r="N65" s="13"/>
      <c r="O65" s="14"/>
      <c r="P65" s="12"/>
      <c r="Q65" s="52"/>
      <c r="R65" s="18"/>
    </row>
    <row r="66" spans="1:18" x14ac:dyDescent="0.2">
      <c r="A66" s="58"/>
      <c r="B66" s="11"/>
      <c r="C66" s="17"/>
      <c r="D66" s="13"/>
      <c r="E66" s="14"/>
      <c r="F66" s="15"/>
      <c r="G66" s="13"/>
      <c r="H66" s="13"/>
      <c r="I66" s="13"/>
      <c r="J66" s="14"/>
      <c r="K66" s="15"/>
      <c r="L66" s="13"/>
      <c r="M66" s="13"/>
      <c r="N66" s="13"/>
      <c r="O66" s="14"/>
      <c r="P66" s="12"/>
      <c r="Q66" s="52"/>
      <c r="R66" s="18"/>
    </row>
    <row r="67" spans="1:18" x14ac:dyDescent="0.2">
      <c r="A67" s="59"/>
      <c r="B67" s="21"/>
      <c r="C67" s="26"/>
      <c r="D67" s="23"/>
      <c r="E67" s="24"/>
      <c r="F67" s="25"/>
      <c r="G67" s="23"/>
      <c r="H67" s="23"/>
      <c r="I67" s="23"/>
      <c r="J67" s="24"/>
      <c r="K67" s="25"/>
      <c r="L67" s="23"/>
      <c r="M67" s="23"/>
      <c r="N67" s="23"/>
      <c r="O67" s="24"/>
      <c r="P67" s="22"/>
      <c r="Q67" s="53"/>
      <c r="R67" s="27"/>
    </row>
  </sheetData>
  <mergeCells count="16">
    <mergeCell ref="T1:AK1"/>
    <mergeCell ref="T2:T3"/>
    <mergeCell ref="U2:U3"/>
    <mergeCell ref="V2:V3"/>
    <mergeCell ref="W2:AH2"/>
    <mergeCell ref="AI2:AI3"/>
    <mergeCell ref="AJ2:AJ3"/>
    <mergeCell ref="AK2:AK3"/>
    <mergeCell ref="A1:R1"/>
    <mergeCell ref="A2:A3"/>
    <mergeCell ref="B2:B3"/>
    <mergeCell ref="C2:C3"/>
    <mergeCell ref="D2:O2"/>
    <mergeCell ref="P2:P3"/>
    <mergeCell ref="Q2:Q3"/>
    <mergeCell ref="R2:R3"/>
  </mergeCells>
  <printOptions horizontalCentered="1"/>
  <pageMargins left="0.15" right="0.15" top="0.75" bottom="0.25" header="0.55000000000000004" footer="0.05"/>
  <pageSetup paperSize="3" scale="91" fitToHeight="40" orientation="portrait" r:id="rId1"/>
  <headerFooter scaleWithDoc="0" alignWithMargins="0">
    <oddHeader>&amp;L&amp;12San Mateo - Hayward Br (Br #35-0054)&amp;C&amp;"-,Bold"&amp;12Defect Schedule&amp;R&amp;12&amp;D</oddHeader>
    <oddFooter>&amp;R&amp;10&amp;P/&amp;N</oddFoot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1D32744-BD48-40B2-BB9A-8FDA891CC5DA}">
  <sheetPr>
    <pageSetUpPr fitToPage="1"/>
  </sheetPr>
  <dimension ref="A1:AK67"/>
  <sheetViews>
    <sheetView view="pageBreakPreview" zoomScaleNormal="130" zoomScaleSheetLayoutView="100" workbookViewId="0">
      <selection sqref="A1:R1"/>
    </sheetView>
  </sheetViews>
  <sheetFormatPr defaultColWidth="8.7109375" defaultRowHeight="11.25" x14ac:dyDescent="0.2"/>
  <cols>
    <col min="1" max="1" width="5.42578125" style="81" customWidth="1"/>
    <col min="2" max="3" width="4.140625" style="75" customWidth="1"/>
    <col min="4" max="4" width="3.7109375" style="82" customWidth="1"/>
    <col min="5" max="5" width="3.7109375" style="83" customWidth="1"/>
    <col min="6" max="6" width="3.7109375" style="84" customWidth="1"/>
    <col min="7" max="9" width="3.7109375" style="82" customWidth="1"/>
    <col min="10" max="10" width="3.7109375" style="83" customWidth="1"/>
    <col min="11" max="11" width="3.7109375" style="84" customWidth="1"/>
    <col min="12" max="14" width="3.7109375" style="82" customWidth="1"/>
    <col min="15" max="15" width="4" style="83" customWidth="1"/>
    <col min="16" max="16" width="3.7109375" style="74" customWidth="1"/>
    <col min="17" max="17" width="3.7109375" style="85" customWidth="1"/>
    <col min="18" max="18" width="3.7109375" style="86" customWidth="1"/>
    <col min="19" max="19" width="3.42578125" style="71" customWidth="1"/>
    <col min="20" max="20" width="5.42578125" style="78" customWidth="1"/>
    <col min="21" max="22" width="4.140625" style="78" customWidth="1"/>
    <col min="23" max="33" width="3.7109375" style="78" customWidth="1"/>
    <col min="34" max="34" width="4" style="78" customWidth="1"/>
    <col min="35" max="37" width="3.7109375" style="78" customWidth="1"/>
    <col min="38" max="38" width="8.7109375" style="78"/>
    <col min="39" max="40" width="2.7109375" style="78" bestFit="1" customWidth="1"/>
    <col min="41" max="41" width="8.7109375" style="78"/>
    <col min="42" max="43" width="2.7109375" style="78" bestFit="1" customWidth="1"/>
    <col min="44" max="16384" width="8.7109375" style="78"/>
  </cols>
  <sheetData>
    <row r="1" spans="1:37" s="75" customFormat="1" ht="12" customHeight="1" x14ac:dyDescent="0.25">
      <c r="A1" s="73" t="s">
        <v>5</v>
      </c>
      <c r="B1" s="73"/>
      <c r="C1" s="73"/>
      <c r="D1" s="73"/>
      <c r="E1" s="73"/>
      <c r="F1" s="73"/>
      <c r="G1" s="73"/>
      <c r="H1" s="73"/>
      <c r="I1" s="73"/>
      <c r="J1" s="73"/>
      <c r="K1" s="73"/>
      <c r="L1" s="73"/>
      <c r="M1" s="73"/>
      <c r="N1" s="73"/>
      <c r="O1" s="73"/>
      <c r="P1" s="73"/>
      <c r="Q1" s="73"/>
      <c r="R1" s="73"/>
      <c r="S1" s="74"/>
      <c r="T1" s="73" t="s">
        <v>5</v>
      </c>
      <c r="U1" s="73"/>
      <c r="V1" s="73"/>
      <c r="W1" s="73"/>
      <c r="X1" s="73"/>
      <c r="Y1" s="73"/>
      <c r="Z1" s="73"/>
      <c r="AA1" s="73"/>
      <c r="AB1" s="73"/>
      <c r="AC1" s="73"/>
      <c r="AD1" s="73"/>
      <c r="AE1" s="73"/>
      <c r="AF1" s="73"/>
      <c r="AG1" s="73"/>
      <c r="AH1" s="73"/>
      <c r="AI1" s="73"/>
      <c r="AJ1" s="73"/>
      <c r="AK1" s="73"/>
    </row>
    <row r="2" spans="1:37" s="75" customFormat="1" ht="15" customHeight="1" x14ac:dyDescent="0.25">
      <c r="A2" s="76" t="s">
        <v>1103</v>
      </c>
      <c r="B2" s="76" t="s">
        <v>1104</v>
      </c>
      <c r="C2" s="73" t="s">
        <v>6</v>
      </c>
      <c r="D2" s="73" t="s">
        <v>260</v>
      </c>
      <c r="E2" s="73"/>
      <c r="F2" s="73"/>
      <c r="G2" s="73"/>
      <c r="H2" s="73"/>
      <c r="I2" s="73"/>
      <c r="J2" s="73"/>
      <c r="K2" s="73"/>
      <c r="L2" s="73"/>
      <c r="M2" s="73"/>
      <c r="N2" s="73"/>
      <c r="O2" s="73"/>
      <c r="P2" s="73" t="s">
        <v>7</v>
      </c>
      <c r="Q2" s="72" t="s">
        <v>8</v>
      </c>
      <c r="R2" s="72" t="s">
        <v>1105</v>
      </c>
      <c r="S2" s="74"/>
      <c r="T2" s="76" t="s">
        <v>1103</v>
      </c>
      <c r="U2" s="76" t="s">
        <v>1104</v>
      </c>
      <c r="V2" s="73" t="s">
        <v>6</v>
      </c>
      <c r="W2" s="73" t="s">
        <v>260</v>
      </c>
      <c r="X2" s="73"/>
      <c r="Y2" s="73"/>
      <c r="Z2" s="73"/>
      <c r="AA2" s="73"/>
      <c r="AB2" s="73"/>
      <c r="AC2" s="73"/>
      <c r="AD2" s="73"/>
      <c r="AE2" s="73"/>
      <c r="AF2" s="73"/>
      <c r="AG2" s="73"/>
      <c r="AH2" s="73"/>
      <c r="AI2" s="73" t="s">
        <v>7</v>
      </c>
      <c r="AJ2" s="72" t="s">
        <v>8</v>
      </c>
      <c r="AK2" s="72" t="s">
        <v>1105</v>
      </c>
    </row>
    <row r="3" spans="1:37" ht="25.5" customHeight="1" x14ac:dyDescent="0.2">
      <c r="A3" s="76"/>
      <c r="B3" s="76"/>
      <c r="C3" s="73"/>
      <c r="D3" s="77">
        <v>12</v>
      </c>
      <c r="E3" s="77">
        <v>11</v>
      </c>
      <c r="F3" s="77">
        <v>10</v>
      </c>
      <c r="G3" s="77">
        <v>9</v>
      </c>
      <c r="H3" s="77">
        <v>8</v>
      </c>
      <c r="I3" s="77">
        <v>7</v>
      </c>
      <c r="J3" s="77">
        <v>6</v>
      </c>
      <c r="K3" s="77">
        <v>5</v>
      </c>
      <c r="L3" s="77">
        <v>4</v>
      </c>
      <c r="M3" s="77">
        <v>3</v>
      </c>
      <c r="N3" s="77">
        <v>2</v>
      </c>
      <c r="O3" s="77">
        <v>1</v>
      </c>
      <c r="P3" s="73"/>
      <c r="Q3" s="72"/>
      <c r="R3" s="72"/>
      <c r="T3" s="76"/>
      <c r="U3" s="76"/>
      <c r="V3" s="73"/>
      <c r="W3" s="77">
        <v>12</v>
      </c>
      <c r="X3" s="77">
        <v>11</v>
      </c>
      <c r="Y3" s="77">
        <v>10</v>
      </c>
      <c r="Z3" s="77">
        <v>9</v>
      </c>
      <c r="AA3" s="77">
        <v>8</v>
      </c>
      <c r="AB3" s="77">
        <v>7</v>
      </c>
      <c r="AC3" s="77">
        <v>6</v>
      </c>
      <c r="AD3" s="77">
        <v>5</v>
      </c>
      <c r="AE3" s="77">
        <v>4</v>
      </c>
      <c r="AF3" s="77">
        <v>3</v>
      </c>
      <c r="AG3" s="77">
        <v>2</v>
      </c>
      <c r="AH3" s="77">
        <v>1</v>
      </c>
      <c r="AI3" s="73"/>
      <c r="AJ3" s="72"/>
      <c r="AK3" s="72"/>
    </row>
    <row r="4" spans="1:37" x14ac:dyDescent="0.2">
      <c r="A4" s="63" t="s">
        <v>1044</v>
      </c>
      <c r="B4" s="44">
        <v>42</v>
      </c>
      <c r="C4" s="45"/>
      <c r="D4" s="46"/>
      <c r="E4" s="47"/>
      <c r="F4" s="48"/>
      <c r="G4" s="46"/>
      <c r="H4" s="46"/>
      <c r="I4" s="46"/>
      <c r="J4" s="47"/>
      <c r="K4" s="48"/>
      <c r="L4" s="46"/>
      <c r="M4" s="46"/>
      <c r="N4" s="46"/>
      <c r="O4" s="47"/>
      <c r="P4" s="49"/>
      <c r="Q4" s="56"/>
      <c r="R4" s="50"/>
      <c r="T4" s="63" t="s">
        <v>1009</v>
      </c>
      <c r="U4" s="44">
        <v>49</v>
      </c>
      <c r="V4" s="49"/>
      <c r="W4" s="46"/>
      <c r="X4" s="47"/>
      <c r="Y4" s="48"/>
      <c r="Z4" s="46"/>
      <c r="AA4" s="46"/>
      <c r="AB4" s="46"/>
      <c r="AC4" s="47"/>
      <c r="AD4" s="48"/>
      <c r="AE4" s="46"/>
      <c r="AF4" s="46"/>
      <c r="AG4" s="46"/>
      <c r="AH4" s="47"/>
      <c r="AI4" s="49"/>
      <c r="AJ4" s="56"/>
      <c r="AK4" s="50"/>
    </row>
    <row r="5" spans="1:37" x14ac:dyDescent="0.2">
      <c r="A5" s="58" t="s">
        <v>1043</v>
      </c>
      <c r="B5" s="10">
        <v>31</v>
      </c>
      <c r="C5" s="17"/>
      <c r="D5" s="34"/>
      <c r="E5" s="35"/>
      <c r="F5" s="36"/>
      <c r="G5" s="34"/>
      <c r="H5" s="34"/>
      <c r="I5" s="34"/>
      <c r="J5" s="35"/>
      <c r="K5" s="36"/>
      <c r="L5" s="34"/>
      <c r="M5" s="34"/>
      <c r="N5" s="34"/>
      <c r="O5" s="35"/>
      <c r="P5" s="17"/>
      <c r="Q5" s="52"/>
      <c r="R5" s="18"/>
      <c r="T5" s="58" t="s">
        <v>1008</v>
      </c>
      <c r="U5" s="10">
        <v>22</v>
      </c>
      <c r="V5" s="12"/>
      <c r="W5" s="13"/>
      <c r="X5" s="14"/>
      <c r="Y5" s="15"/>
      <c r="Z5" s="13"/>
      <c r="AA5" s="13"/>
      <c r="AB5" s="13"/>
      <c r="AC5" s="14"/>
      <c r="AD5" s="15"/>
      <c r="AE5" s="13"/>
      <c r="AF5" s="13"/>
      <c r="AG5" s="13"/>
      <c r="AH5" s="14"/>
      <c r="AI5" s="12"/>
      <c r="AJ5" s="52"/>
      <c r="AK5" s="18"/>
    </row>
    <row r="6" spans="1:37" x14ac:dyDescent="0.2">
      <c r="A6" s="61" t="s">
        <v>31</v>
      </c>
      <c r="B6" s="10" t="s">
        <v>259</v>
      </c>
      <c r="C6" s="12"/>
      <c r="D6" s="13"/>
      <c r="E6" s="14"/>
      <c r="F6" s="15"/>
      <c r="G6" s="13"/>
      <c r="H6" s="13"/>
      <c r="I6" s="13"/>
      <c r="J6" s="14" t="s">
        <v>0</v>
      </c>
      <c r="K6" s="15"/>
      <c r="L6" s="13"/>
      <c r="M6" s="13"/>
      <c r="N6" s="13"/>
      <c r="O6" s="14"/>
      <c r="P6" s="12"/>
      <c r="Q6" s="52">
        <v>4</v>
      </c>
      <c r="R6" s="18" t="s">
        <v>259</v>
      </c>
      <c r="T6" s="58" t="s">
        <v>41</v>
      </c>
      <c r="U6" s="10" t="s">
        <v>259</v>
      </c>
      <c r="V6" s="12"/>
      <c r="W6" s="13"/>
      <c r="X6" s="14"/>
      <c r="Y6" s="15"/>
      <c r="Z6" s="13"/>
      <c r="AA6" s="13"/>
      <c r="AB6" s="13"/>
      <c r="AC6" s="14"/>
      <c r="AD6" s="15"/>
      <c r="AE6" s="13"/>
      <c r="AF6" s="13"/>
      <c r="AG6" s="13"/>
      <c r="AH6" s="14" t="s">
        <v>0</v>
      </c>
      <c r="AI6" s="12"/>
      <c r="AJ6" s="52">
        <v>4</v>
      </c>
      <c r="AK6" s="18" t="s">
        <v>259</v>
      </c>
    </row>
    <row r="7" spans="1:37" x14ac:dyDescent="0.2">
      <c r="A7" s="58" t="s">
        <v>1042</v>
      </c>
      <c r="B7" s="10">
        <v>31</v>
      </c>
      <c r="C7" s="17"/>
      <c r="D7" s="13"/>
      <c r="E7" s="14"/>
      <c r="F7" s="15"/>
      <c r="G7" s="13"/>
      <c r="H7" s="13"/>
      <c r="I7" s="13"/>
      <c r="J7" s="14"/>
      <c r="K7" s="15"/>
      <c r="L7" s="13"/>
      <c r="M7" s="13"/>
      <c r="N7" s="13"/>
      <c r="O7" s="14"/>
      <c r="P7" s="12"/>
      <c r="Q7" s="52"/>
      <c r="R7" s="18"/>
      <c r="T7" s="58" t="s">
        <v>40</v>
      </c>
      <c r="U7" s="10" t="s">
        <v>259</v>
      </c>
      <c r="V7" s="12"/>
      <c r="W7" s="13"/>
      <c r="X7" s="14"/>
      <c r="Y7" s="15"/>
      <c r="Z7" s="13"/>
      <c r="AA7" s="13"/>
      <c r="AB7" s="13"/>
      <c r="AC7" s="14"/>
      <c r="AD7" s="15"/>
      <c r="AE7" s="13" t="s">
        <v>0</v>
      </c>
      <c r="AF7" s="13"/>
      <c r="AG7" s="13" t="s">
        <v>0</v>
      </c>
      <c r="AH7" s="14"/>
      <c r="AI7" s="12"/>
      <c r="AJ7" s="52">
        <v>8</v>
      </c>
      <c r="AK7" s="18" t="s">
        <v>259</v>
      </c>
    </row>
    <row r="8" spans="1:37" x14ac:dyDescent="0.2">
      <c r="A8" s="62" t="s">
        <v>33</v>
      </c>
      <c r="B8" s="20" t="s">
        <v>259</v>
      </c>
      <c r="C8" s="22"/>
      <c r="D8" s="23"/>
      <c r="E8" s="24"/>
      <c r="F8" s="25"/>
      <c r="G8" s="23"/>
      <c r="H8" s="23"/>
      <c r="I8" s="23"/>
      <c r="J8" s="24" t="s">
        <v>0</v>
      </c>
      <c r="K8" s="25" t="s">
        <v>0</v>
      </c>
      <c r="L8" s="23"/>
      <c r="M8" s="23"/>
      <c r="N8" s="23"/>
      <c r="O8" s="24"/>
      <c r="P8" s="22"/>
      <c r="Q8" s="53">
        <v>8</v>
      </c>
      <c r="R8" s="27" t="s">
        <v>259</v>
      </c>
      <c r="T8" s="59" t="s">
        <v>1007</v>
      </c>
      <c r="U8" s="20">
        <v>49</v>
      </c>
      <c r="V8" s="26"/>
      <c r="W8" s="37"/>
      <c r="X8" s="38"/>
      <c r="Y8" s="39"/>
      <c r="Z8" s="37"/>
      <c r="AA8" s="37"/>
      <c r="AB8" s="37"/>
      <c r="AC8" s="38"/>
      <c r="AD8" s="39"/>
      <c r="AE8" s="37"/>
      <c r="AF8" s="37"/>
      <c r="AG8" s="37"/>
      <c r="AH8" s="38"/>
      <c r="AI8" s="26"/>
      <c r="AJ8" s="53"/>
      <c r="AK8" s="27"/>
    </row>
    <row r="9" spans="1:37" x14ac:dyDescent="0.2">
      <c r="A9" s="57" t="s">
        <v>32</v>
      </c>
      <c r="B9" s="1" t="s">
        <v>259</v>
      </c>
      <c r="C9" s="3"/>
      <c r="D9" s="4"/>
      <c r="E9" s="5"/>
      <c r="F9" s="6"/>
      <c r="G9" s="4"/>
      <c r="H9" s="4"/>
      <c r="I9" s="4"/>
      <c r="J9" s="5" t="s">
        <v>0</v>
      </c>
      <c r="K9" s="6" t="s">
        <v>0</v>
      </c>
      <c r="L9" s="4" t="s">
        <v>0</v>
      </c>
      <c r="M9" s="4"/>
      <c r="N9" s="4"/>
      <c r="O9" s="5"/>
      <c r="P9" s="3"/>
      <c r="Q9" s="51">
        <v>11</v>
      </c>
      <c r="R9" s="8" t="s">
        <v>259</v>
      </c>
      <c r="T9" s="60" t="s">
        <v>1006</v>
      </c>
      <c r="U9" s="1">
        <v>36</v>
      </c>
      <c r="V9" s="3"/>
      <c r="W9" s="4"/>
      <c r="X9" s="5"/>
      <c r="Y9" s="6"/>
      <c r="Z9" s="4"/>
      <c r="AA9" s="4"/>
      <c r="AB9" s="4"/>
      <c r="AC9" s="5"/>
      <c r="AD9" s="6"/>
      <c r="AE9" s="4"/>
      <c r="AF9" s="4"/>
      <c r="AG9" s="4"/>
      <c r="AH9" s="5"/>
      <c r="AI9" s="3"/>
      <c r="AJ9" s="51"/>
      <c r="AK9" s="8"/>
    </row>
    <row r="10" spans="1:37" x14ac:dyDescent="0.2">
      <c r="A10" s="58" t="s">
        <v>1041</v>
      </c>
      <c r="B10" s="10">
        <v>53</v>
      </c>
      <c r="C10" s="17"/>
      <c r="D10" s="13"/>
      <c r="E10" s="14"/>
      <c r="F10" s="15"/>
      <c r="G10" s="13"/>
      <c r="H10" s="13"/>
      <c r="I10" s="13"/>
      <c r="J10" s="14"/>
      <c r="K10" s="15"/>
      <c r="L10" s="13"/>
      <c r="M10" s="13"/>
      <c r="N10" s="13"/>
      <c r="O10" s="14"/>
      <c r="P10" s="12"/>
      <c r="Q10" s="52"/>
      <c r="R10" s="18"/>
      <c r="T10" s="58" t="s">
        <v>1005</v>
      </c>
      <c r="U10" s="10">
        <v>43</v>
      </c>
      <c r="V10" s="12"/>
      <c r="W10" s="13"/>
      <c r="X10" s="14"/>
      <c r="Y10" s="15"/>
      <c r="Z10" s="13"/>
      <c r="AA10" s="13"/>
      <c r="AB10" s="13"/>
      <c r="AC10" s="14"/>
      <c r="AD10" s="15"/>
      <c r="AE10" s="13"/>
      <c r="AF10" s="13"/>
      <c r="AG10" s="13"/>
      <c r="AH10" s="14"/>
      <c r="AI10" s="12"/>
      <c r="AJ10" s="52"/>
      <c r="AK10" s="18"/>
    </row>
    <row r="11" spans="1:37" x14ac:dyDescent="0.2">
      <c r="A11" s="61" t="s">
        <v>34</v>
      </c>
      <c r="B11" s="10" t="s">
        <v>259</v>
      </c>
      <c r="C11" s="12"/>
      <c r="D11" s="13"/>
      <c r="E11" s="14"/>
      <c r="F11" s="15"/>
      <c r="G11" s="13"/>
      <c r="H11" s="13"/>
      <c r="I11" s="13"/>
      <c r="J11" s="14"/>
      <c r="K11" s="15"/>
      <c r="L11" s="13" t="s">
        <v>0</v>
      </c>
      <c r="M11" s="13"/>
      <c r="N11" s="13"/>
      <c r="O11" s="14"/>
      <c r="P11" s="12"/>
      <c r="Q11" s="52">
        <v>4</v>
      </c>
      <c r="R11" s="18" t="s">
        <v>259</v>
      </c>
      <c r="T11" s="58" t="s">
        <v>1004</v>
      </c>
      <c r="U11" s="10">
        <v>40</v>
      </c>
      <c r="V11" s="12"/>
      <c r="W11" s="13"/>
      <c r="X11" s="14"/>
      <c r="Y11" s="15"/>
      <c r="Z11" s="13"/>
      <c r="AA11" s="13"/>
      <c r="AB11" s="13"/>
      <c r="AC11" s="14"/>
      <c r="AD11" s="15"/>
      <c r="AE11" s="13"/>
      <c r="AF11" s="13"/>
      <c r="AG11" s="13"/>
      <c r="AH11" s="14"/>
      <c r="AI11" s="12"/>
      <c r="AJ11" s="52"/>
      <c r="AK11" s="18"/>
    </row>
    <row r="12" spans="1:37" x14ac:dyDescent="0.2">
      <c r="A12" s="58" t="s">
        <v>1040</v>
      </c>
      <c r="B12" s="10">
        <v>51</v>
      </c>
      <c r="C12" s="17"/>
      <c r="D12" s="13"/>
      <c r="E12" s="14"/>
      <c r="F12" s="15"/>
      <c r="G12" s="13"/>
      <c r="H12" s="13"/>
      <c r="I12" s="13"/>
      <c r="J12" s="14"/>
      <c r="K12" s="15"/>
      <c r="L12" s="13"/>
      <c r="M12" s="13"/>
      <c r="N12" s="13"/>
      <c r="O12" s="14"/>
      <c r="P12" s="12"/>
      <c r="Q12" s="52"/>
      <c r="R12" s="18"/>
      <c r="T12" s="58" t="s">
        <v>1003</v>
      </c>
      <c r="U12" s="10">
        <v>36</v>
      </c>
      <c r="V12" s="12"/>
      <c r="W12" s="13"/>
      <c r="X12" s="14"/>
      <c r="Y12" s="15"/>
      <c r="Z12" s="13"/>
      <c r="AA12" s="13"/>
      <c r="AB12" s="13"/>
      <c r="AC12" s="14"/>
      <c r="AD12" s="15"/>
      <c r="AE12" s="13"/>
      <c r="AF12" s="13"/>
      <c r="AG12" s="13"/>
      <c r="AH12" s="14"/>
      <c r="AI12" s="12"/>
      <c r="AJ12" s="52"/>
      <c r="AK12" s="18"/>
    </row>
    <row r="13" spans="1:37" x14ac:dyDescent="0.2">
      <c r="A13" s="62">
        <v>357</v>
      </c>
      <c r="B13" s="20" t="s">
        <v>259</v>
      </c>
      <c r="C13" s="22"/>
      <c r="D13" s="23"/>
      <c r="E13" s="24"/>
      <c r="F13" s="25"/>
      <c r="G13" s="23"/>
      <c r="H13" s="23"/>
      <c r="I13" s="23"/>
      <c r="J13" s="24" t="s">
        <v>1</v>
      </c>
      <c r="K13" s="25"/>
      <c r="L13" s="23"/>
      <c r="M13" s="23"/>
      <c r="N13" s="23"/>
      <c r="O13" s="24"/>
      <c r="P13" s="22"/>
      <c r="Q13" s="53">
        <v>2</v>
      </c>
      <c r="R13" s="27" t="s">
        <v>259</v>
      </c>
      <c r="T13" s="59" t="s">
        <v>1002</v>
      </c>
      <c r="U13" s="20">
        <v>30</v>
      </c>
      <c r="V13" s="22"/>
      <c r="W13" s="23"/>
      <c r="X13" s="24"/>
      <c r="Y13" s="25"/>
      <c r="Z13" s="23"/>
      <c r="AA13" s="23"/>
      <c r="AB13" s="23"/>
      <c r="AC13" s="24"/>
      <c r="AD13" s="25"/>
      <c r="AE13" s="23"/>
      <c r="AF13" s="23"/>
      <c r="AG13" s="23"/>
      <c r="AH13" s="24"/>
      <c r="AI13" s="22"/>
      <c r="AJ13" s="53"/>
      <c r="AK13" s="27"/>
    </row>
    <row r="14" spans="1:37" x14ac:dyDescent="0.2">
      <c r="A14" s="57" t="s">
        <v>35</v>
      </c>
      <c r="B14" s="1" t="s">
        <v>259</v>
      </c>
      <c r="C14" s="3"/>
      <c r="D14" s="4"/>
      <c r="E14" s="5"/>
      <c r="F14" s="6"/>
      <c r="G14" s="4"/>
      <c r="H14" s="4"/>
      <c r="I14" s="4"/>
      <c r="J14" s="5"/>
      <c r="K14" s="6"/>
      <c r="L14" s="4" t="s">
        <v>0</v>
      </c>
      <c r="M14" s="4"/>
      <c r="N14" s="4"/>
      <c r="O14" s="5"/>
      <c r="P14" s="3"/>
      <c r="Q14" s="51">
        <v>4</v>
      </c>
      <c r="R14" s="8" t="s">
        <v>259</v>
      </c>
      <c r="T14" s="60" t="s">
        <v>1001</v>
      </c>
      <c r="U14" s="1">
        <v>49</v>
      </c>
      <c r="V14" s="3"/>
      <c r="W14" s="4"/>
      <c r="X14" s="5"/>
      <c r="Y14" s="6"/>
      <c r="Z14" s="4"/>
      <c r="AA14" s="4"/>
      <c r="AB14" s="4"/>
      <c r="AC14" s="5"/>
      <c r="AD14" s="6"/>
      <c r="AE14" s="4"/>
      <c r="AF14" s="4"/>
      <c r="AG14" s="4"/>
      <c r="AH14" s="5"/>
      <c r="AI14" s="3"/>
      <c r="AJ14" s="51"/>
      <c r="AK14" s="8"/>
    </row>
    <row r="15" spans="1:37" x14ac:dyDescent="0.2">
      <c r="A15" s="58" t="s">
        <v>1039</v>
      </c>
      <c r="B15" s="10">
        <v>44</v>
      </c>
      <c r="C15" s="17"/>
      <c r="D15" s="34"/>
      <c r="E15" s="35"/>
      <c r="F15" s="36"/>
      <c r="G15" s="34"/>
      <c r="H15" s="34"/>
      <c r="I15" s="34"/>
      <c r="J15" s="35"/>
      <c r="K15" s="36"/>
      <c r="L15" s="34"/>
      <c r="M15" s="34"/>
      <c r="N15" s="34"/>
      <c r="O15" s="35"/>
      <c r="P15" s="17"/>
      <c r="Q15" s="52"/>
      <c r="R15" s="18"/>
      <c r="T15" s="58">
        <v>396</v>
      </c>
      <c r="U15" s="10" t="s">
        <v>259</v>
      </c>
      <c r="V15" s="12"/>
      <c r="W15" s="13"/>
      <c r="X15" s="14"/>
      <c r="Y15" s="15"/>
      <c r="Z15" s="13"/>
      <c r="AA15" s="13"/>
      <c r="AB15" s="13" t="s">
        <v>1</v>
      </c>
      <c r="AC15" s="14"/>
      <c r="AD15" s="15"/>
      <c r="AE15" s="13"/>
      <c r="AF15" s="13"/>
      <c r="AG15" s="13"/>
      <c r="AH15" s="14"/>
      <c r="AI15" s="12"/>
      <c r="AJ15" s="52">
        <v>1</v>
      </c>
      <c r="AK15" s="18" t="s">
        <v>259</v>
      </c>
    </row>
    <row r="16" spans="1:37" x14ac:dyDescent="0.2">
      <c r="A16" s="61">
        <v>358</v>
      </c>
      <c r="B16" s="10" t="s">
        <v>259</v>
      </c>
      <c r="C16" s="12"/>
      <c r="D16" s="13"/>
      <c r="E16" s="14"/>
      <c r="F16" s="15"/>
      <c r="G16" s="13"/>
      <c r="H16" s="13" t="s">
        <v>2</v>
      </c>
      <c r="I16" s="13"/>
      <c r="J16" s="14"/>
      <c r="K16" s="15"/>
      <c r="L16" s="13"/>
      <c r="M16" s="13" t="s">
        <v>2</v>
      </c>
      <c r="N16" s="13"/>
      <c r="O16" s="14"/>
      <c r="P16" s="12"/>
      <c r="Q16" s="52" t="s">
        <v>259</v>
      </c>
      <c r="R16" s="18">
        <v>8</v>
      </c>
      <c r="T16" s="58" t="s">
        <v>1000</v>
      </c>
      <c r="U16" s="10">
        <v>36</v>
      </c>
      <c r="V16" s="12"/>
      <c r="W16" s="13"/>
      <c r="X16" s="14"/>
      <c r="Y16" s="15"/>
      <c r="Z16" s="13"/>
      <c r="AA16" s="13"/>
      <c r="AB16" s="13"/>
      <c r="AC16" s="14"/>
      <c r="AD16" s="15"/>
      <c r="AE16" s="13"/>
      <c r="AF16" s="13"/>
      <c r="AG16" s="13"/>
      <c r="AH16" s="14"/>
      <c r="AI16" s="12"/>
      <c r="AJ16" s="52"/>
      <c r="AK16" s="18"/>
    </row>
    <row r="17" spans="1:37" x14ac:dyDescent="0.2">
      <c r="A17" s="61" t="s">
        <v>36</v>
      </c>
      <c r="B17" s="10" t="s">
        <v>259</v>
      </c>
      <c r="C17" s="12"/>
      <c r="D17" s="13"/>
      <c r="E17" s="14"/>
      <c r="F17" s="15"/>
      <c r="G17" s="13"/>
      <c r="H17" s="13"/>
      <c r="I17" s="13"/>
      <c r="J17" s="14"/>
      <c r="K17" s="15"/>
      <c r="L17" s="13"/>
      <c r="M17" s="13" t="s">
        <v>0</v>
      </c>
      <c r="N17" s="13"/>
      <c r="O17" s="14"/>
      <c r="P17" s="12"/>
      <c r="Q17" s="52">
        <v>4</v>
      </c>
      <c r="R17" s="18" t="s">
        <v>259</v>
      </c>
      <c r="T17" s="58" t="s">
        <v>42</v>
      </c>
      <c r="U17" s="10" t="s">
        <v>259</v>
      </c>
      <c r="V17" s="12"/>
      <c r="W17" s="13"/>
      <c r="X17" s="14"/>
      <c r="Y17" s="15"/>
      <c r="Z17" s="13"/>
      <c r="AA17" s="13"/>
      <c r="AB17" s="13"/>
      <c r="AC17" s="14"/>
      <c r="AD17" s="15"/>
      <c r="AE17" s="13"/>
      <c r="AF17" s="13" t="s">
        <v>0</v>
      </c>
      <c r="AG17" s="13"/>
      <c r="AH17" s="14" t="s">
        <v>0</v>
      </c>
      <c r="AI17" s="12"/>
      <c r="AJ17" s="52">
        <v>8</v>
      </c>
      <c r="AK17" s="18" t="s">
        <v>259</v>
      </c>
    </row>
    <row r="18" spans="1:37" x14ac:dyDescent="0.2">
      <c r="A18" s="59" t="s">
        <v>1038</v>
      </c>
      <c r="B18" s="20">
        <v>48</v>
      </c>
      <c r="C18" s="26"/>
      <c r="D18" s="23"/>
      <c r="E18" s="24"/>
      <c r="F18" s="25"/>
      <c r="G18" s="23"/>
      <c r="H18" s="23"/>
      <c r="I18" s="23"/>
      <c r="J18" s="24"/>
      <c r="K18" s="25"/>
      <c r="L18" s="23"/>
      <c r="M18" s="23"/>
      <c r="N18" s="23"/>
      <c r="O18" s="24"/>
      <c r="P18" s="22"/>
      <c r="Q18" s="53"/>
      <c r="R18" s="27"/>
      <c r="T18" s="59" t="s">
        <v>999</v>
      </c>
      <c r="U18" s="20">
        <v>40</v>
      </c>
      <c r="V18" s="22"/>
      <c r="W18" s="23"/>
      <c r="X18" s="24"/>
      <c r="Y18" s="25"/>
      <c r="Z18" s="23"/>
      <c r="AA18" s="23"/>
      <c r="AB18" s="23"/>
      <c r="AC18" s="24"/>
      <c r="AD18" s="25"/>
      <c r="AE18" s="23"/>
      <c r="AF18" s="23"/>
      <c r="AG18" s="23"/>
      <c r="AH18" s="24"/>
      <c r="AI18" s="22"/>
      <c r="AJ18" s="53"/>
      <c r="AK18" s="27"/>
    </row>
    <row r="19" spans="1:37" x14ac:dyDescent="0.2">
      <c r="A19" s="57" t="s">
        <v>37</v>
      </c>
      <c r="B19" s="1" t="s">
        <v>259</v>
      </c>
      <c r="C19" s="3"/>
      <c r="D19" s="4"/>
      <c r="E19" s="5"/>
      <c r="F19" s="6"/>
      <c r="G19" s="4"/>
      <c r="H19" s="4"/>
      <c r="I19" s="4"/>
      <c r="J19" s="5"/>
      <c r="K19" s="6"/>
      <c r="L19" s="4" t="s">
        <v>0</v>
      </c>
      <c r="M19" s="4"/>
      <c r="N19" s="4"/>
      <c r="O19" s="5"/>
      <c r="P19" s="3"/>
      <c r="Q19" s="51">
        <v>4</v>
      </c>
      <c r="R19" s="8" t="s">
        <v>259</v>
      </c>
      <c r="T19" s="60">
        <v>398</v>
      </c>
      <c r="U19" s="1" t="s">
        <v>259</v>
      </c>
      <c r="V19" s="7"/>
      <c r="W19" s="4"/>
      <c r="X19" s="5"/>
      <c r="Y19" s="6"/>
      <c r="Z19" s="4"/>
      <c r="AA19" s="4"/>
      <c r="AB19" s="4"/>
      <c r="AC19" s="5"/>
      <c r="AD19" s="6"/>
      <c r="AE19" s="4"/>
      <c r="AF19" s="4"/>
      <c r="AG19" s="4"/>
      <c r="AH19" s="5"/>
      <c r="AI19" s="3" t="s">
        <v>0</v>
      </c>
      <c r="AJ19" s="51">
        <v>8</v>
      </c>
      <c r="AK19" s="8" t="s">
        <v>259</v>
      </c>
    </row>
    <row r="20" spans="1:37" x14ac:dyDescent="0.2">
      <c r="A20" s="58" t="s">
        <v>1037</v>
      </c>
      <c r="B20" s="10">
        <v>49</v>
      </c>
      <c r="C20" s="17"/>
      <c r="D20" s="13"/>
      <c r="E20" s="14"/>
      <c r="F20" s="15"/>
      <c r="G20" s="13"/>
      <c r="H20" s="13"/>
      <c r="I20" s="13"/>
      <c r="J20" s="14"/>
      <c r="K20" s="15"/>
      <c r="L20" s="13"/>
      <c r="M20" s="13"/>
      <c r="N20" s="13"/>
      <c r="O20" s="14"/>
      <c r="P20" s="12"/>
      <c r="Q20" s="52"/>
      <c r="R20" s="18"/>
      <c r="T20" s="58" t="s">
        <v>998</v>
      </c>
      <c r="U20" s="10">
        <v>39</v>
      </c>
      <c r="V20" s="12"/>
      <c r="W20" s="13"/>
      <c r="X20" s="14"/>
      <c r="Y20" s="15"/>
      <c r="Z20" s="13"/>
      <c r="AA20" s="13"/>
      <c r="AB20" s="13"/>
      <c r="AC20" s="14"/>
      <c r="AD20" s="15"/>
      <c r="AE20" s="13"/>
      <c r="AF20" s="13"/>
      <c r="AG20" s="13"/>
      <c r="AH20" s="14"/>
      <c r="AI20" s="12"/>
      <c r="AJ20" s="52"/>
      <c r="AK20" s="18"/>
    </row>
    <row r="21" spans="1:37" x14ac:dyDescent="0.2">
      <c r="A21" s="61">
        <v>360</v>
      </c>
      <c r="B21" s="10" t="s">
        <v>259</v>
      </c>
      <c r="C21" s="12"/>
      <c r="D21" s="13"/>
      <c r="E21" s="14"/>
      <c r="F21" s="15"/>
      <c r="G21" s="13"/>
      <c r="H21" s="13"/>
      <c r="I21" s="13"/>
      <c r="J21" s="14"/>
      <c r="K21" s="15"/>
      <c r="L21" s="13"/>
      <c r="M21" s="13"/>
      <c r="N21" s="13" t="s">
        <v>2</v>
      </c>
      <c r="O21" s="14"/>
      <c r="P21" s="12"/>
      <c r="Q21" s="52" t="s">
        <v>259</v>
      </c>
      <c r="R21" s="18">
        <v>4</v>
      </c>
      <c r="T21" s="58">
        <v>399</v>
      </c>
      <c r="U21" s="10" t="s">
        <v>259</v>
      </c>
      <c r="V21" s="12"/>
      <c r="W21" s="13"/>
      <c r="X21" s="14"/>
      <c r="Y21" s="15"/>
      <c r="Z21" s="13"/>
      <c r="AA21" s="13"/>
      <c r="AB21" s="13"/>
      <c r="AC21" s="14" t="s">
        <v>1</v>
      </c>
      <c r="AD21" s="15"/>
      <c r="AE21" s="13"/>
      <c r="AF21" s="13"/>
      <c r="AG21" s="13"/>
      <c r="AH21" s="14"/>
      <c r="AI21" s="12"/>
      <c r="AJ21" s="52">
        <v>6</v>
      </c>
      <c r="AK21" s="18" t="s">
        <v>259</v>
      </c>
    </row>
    <row r="22" spans="1:37" x14ac:dyDescent="0.2">
      <c r="A22" s="61">
        <v>360</v>
      </c>
      <c r="B22" s="10" t="s">
        <v>259</v>
      </c>
      <c r="C22" s="12"/>
      <c r="D22" s="13"/>
      <c r="E22" s="14"/>
      <c r="F22" s="15"/>
      <c r="G22" s="13"/>
      <c r="H22" s="13"/>
      <c r="I22" s="13"/>
      <c r="J22" s="14" t="s">
        <v>1</v>
      </c>
      <c r="K22" s="15"/>
      <c r="L22" s="13"/>
      <c r="M22" s="13"/>
      <c r="N22" s="13"/>
      <c r="O22" s="14"/>
      <c r="P22" s="12"/>
      <c r="Q22" s="52">
        <v>8</v>
      </c>
      <c r="R22" s="18" t="s">
        <v>259</v>
      </c>
      <c r="T22" s="58" t="s">
        <v>44</v>
      </c>
      <c r="U22" s="10" t="s">
        <v>259</v>
      </c>
      <c r="V22" s="12"/>
      <c r="W22" s="13"/>
      <c r="X22" s="14"/>
      <c r="Y22" s="15"/>
      <c r="Z22" s="13"/>
      <c r="AA22" s="13"/>
      <c r="AB22" s="13"/>
      <c r="AC22" s="14"/>
      <c r="AD22" s="15"/>
      <c r="AE22" s="13" t="s">
        <v>0</v>
      </c>
      <c r="AF22" s="13"/>
      <c r="AG22" s="13"/>
      <c r="AH22" s="14"/>
      <c r="AI22" s="12"/>
      <c r="AJ22" s="52">
        <v>4</v>
      </c>
      <c r="AK22" s="18" t="s">
        <v>259</v>
      </c>
    </row>
    <row r="23" spans="1:37" x14ac:dyDescent="0.2">
      <c r="A23" s="59" t="s">
        <v>1036</v>
      </c>
      <c r="B23" s="20">
        <v>31</v>
      </c>
      <c r="C23" s="26"/>
      <c r="D23" s="23"/>
      <c r="E23" s="24"/>
      <c r="F23" s="25"/>
      <c r="G23" s="23"/>
      <c r="H23" s="23"/>
      <c r="I23" s="23"/>
      <c r="J23" s="24"/>
      <c r="K23" s="25"/>
      <c r="L23" s="23"/>
      <c r="M23" s="23"/>
      <c r="N23" s="23"/>
      <c r="O23" s="24"/>
      <c r="P23" s="22"/>
      <c r="Q23" s="53"/>
      <c r="R23" s="27"/>
      <c r="T23" s="59" t="s">
        <v>43</v>
      </c>
      <c r="U23" s="20" t="s">
        <v>259</v>
      </c>
      <c r="V23" s="22"/>
      <c r="W23" s="23"/>
      <c r="X23" s="24"/>
      <c r="Y23" s="25"/>
      <c r="Z23" s="23"/>
      <c r="AA23" s="23"/>
      <c r="AB23" s="23"/>
      <c r="AC23" s="24"/>
      <c r="AD23" s="25"/>
      <c r="AE23" s="23"/>
      <c r="AF23" s="23"/>
      <c r="AG23" s="23"/>
      <c r="AH23" s="24" t="s">
        <v>0</v>
      </c>
      <c r="AI23" s="22"/>
      <c r="AJ23" s="53">
        <v>4</v>
      </c>
      <c r="AK23" s="27" t="s">
        <v>259</v>
      </c>
    </row>
    <row r="24" spans="1:37" x14ac:dyDescent="0.2">
      <c r="A24" s="57">
        <v>361</v>
      </c>
      <c r="B24" s="1" t="s">
        <v>259</v>
      </c>
      <c r="C24" s="3"/>
      <c r="D24" s="4"/>
      <c r="E24" s="5"/>
      <c r="F24" s="6"/>
      <c r="G24" s="4"/>
      <c r="H24" s="4"/>
      <c r="I24" s="4"/>
      <c r="J24" s="5"/>
      <c r="K24" s="6" t="s">
        <v>1</v>
      </c>
      <c r="L24" s="4"/>
      <c r="M24" s="4"/>
      <c r="N24" s="4"/>
      <c r="O24" s="5"/>
      <c r="P24" s="3"/>
      <c r="Q24" s="51">
        <v>2</v>
      </c>
      <c r="R24" s="8" t="s">
        <v>259</v>
      </c>
      <c r="T24" s="60" t="s">
        <v>997</v>
      </c>
      <c r="U24" s="1">
        <v>27</v>
      </c>
      <c r="V24" s="3"/>
      <c r="W24" s="4"/>
      <c r="X24" s="5"/>
      <c r="Y24" s="6"/>
      <c r="Z24" s="4"/>
      <c r="AA24" s="4"/>
      <c r="AB24" s="4"/>
      <c r="AC24" s="5"/>
      <c r="AD24" s="6"/>
      <c r="AE24" s="4"/>
      <c r="AF24" s="4"/>
      <c r="AG24" s="4"/>
      <c r="AH24" s="5"/>
      <c r="AI24" s="3"/>
      <c r="AJ24" s="51"/>
      <c r="AK24" s="8"/>
    </row>
    <row r="25" spans="1:37" x14ac:dyDescent="0.2">
      <c r="A25" s="58" t="s">
        <v>1035</v>
      </c>
      <c r="B25" s="10">
        <v>53</v>
      </c>
      <c r="C25" s="17"/>
      <c r="D25" s="13"/>
      <c r="E25" s="14"/>
      <c r="F25" s="15"/>
      <c r="G25" s="13"/>
      <c r="H25" s="13"/>
      <c r="I25" s="13"/>
      <c r="J25" s="14"/>
      <c r="K25" s="15"/>
      <c r="L25" s="13"/>
      <c r="M25" s="13"/>
      <c r="N25" s="13"/>
      <c r="O25" s="14"/>
      <c r="P25" s="12"/>
      <c r="Q25" s="52"/>
      <c r="R25" s="18"/>
      <c r="T25" s="58">
        <v>400</v>
      </c>
      <c r="U25" s="10" t="s">
        <v>259</v>
      </c>
      <c r="V25" s="12"/>
      <c r="W25" s="13"/>
      <c r="X25" s="14"/>
      <c r="Y25" s="15"/>
      <c r="Z25" s="13"/>
      <c r="AA25" s="13"/>
      <c r="AB25" s="13"/>
      <c r="AC25" s="14"/>
      <c r="AD25" s="15"/>
      <c r="AE25" s="13"/>
      <c r="AF25" s="13" t="s">
        <v>1</v>
      </c>
      <c r="AG25" s="13"/>
      <c r="AH25" s="14"/>
      <c r="AI25" s="12"/>
      <c r="AJ25" s="52">
        <v>6</v>
      </c>
      <c r="AK25" s="18" t="s">
        <v>259</v>
      </c>
    </row>
    <row r="26" spans="1:37" x14ac:dyDescent="0.2">
      <c r="A26" s="58" t="s">
        <v>1034</v>
      </c>
      <c r="B26" s="10">
        <v>41</v>
      </c>
      <c r="C26" s="12"/>
      <c r="D26" s="13"/>
      <c r="E26" s="14"/>
      <c r="F26" s="15"/>
      <c r="G26" s="13"/>
      <c r="H26" s="13"/>
      <c r="I26" s="13"/>
      <c r="J26" s="14"/>
      <c r="K26" s="15"/>
      <c r="L26" s="13"/>
      <c r="M26" s="13"/>
      <c r="N26" s="13"/>
      <c r="O26" s="14"/>
      <c r="P26" s="12"/>
      <c r="Q26" s="52"/>
      <c r="R26" s="18"/>
      <c r="T26" s="58" t="s">
        <v>996</v>
      </c>
      <c r="U26" s="10">
        <v>49</v>
      </c>
      <c r="V26" s="12"/>
      <c r="W26" s="13"/>
      <c r="X26" s="14"/>
      <c r="Y26" s="15"/>
      <c r="Z26" s="13"/>
      <c r="AA26" s="13"/>
      <c r="AB26" s="13"/>
      <c r="AC26" s="14"/>
      <c r="AD26" s="15"/>
      <c r="AE26" s="13"/>
      <c r="AF26" s="13"/>
      <c r="AG26" s="13"/>
      <c r="AH26" s="14"/>
      <c r="AI26" s="12"/>
      <c r="AJ26" s="52"/>
      <c r="AK26" s="18"/>
    </row>
    <row r="27" spans="1:37" x14ac:dyDescent="0.2">
      <c r="A27" s="58" t="s">
        <v>1033</v>
      </c>
      <c r="B27" s="10">
        <v>44</v>
      </c>
      <c r="C27" s="12"/>
      <c r="D27" s="13"/>
      <c r="E27" s="14"/>
      <c r="F27" s="15"/>
      <c r="G27" s="13"/>
      <c r="H27" s="13"/>
      <c r="I27" s="13"/>
      <c r="J27" s="14"/>
      <c r="K27" s="15"/>
      <c r="L27" s="13"/>
      <c r="M27" s="13"/>
      <c r="N27" s="13"/>
      <c r="O27" s="14"/>
      <c r="P27" s="12"/>
      <c r="Q27" s="52"/>
      <c r="R27" s="18"/>
      <c r="T27" s="58">
        <v>401</v>
      </c>
      <c r="U27" s="10" t="s">
        <v>259</v>
      </c>
      <c r="V27" s="12"/>
      <c r="W27" s="13"/>
      <c r="X27" s="14"/>
      <c r="Y27" s="15"/>
      <c r="Z27" s="13"/>
      <c r="AA27" s="13" t="s">
        <v>1</v>
      </c>
      <c r="AB27" s="13"/>
      <c r="AC27" s="14"/>
      <c r="AD27" s="15"/>
      <c r="AE27" s="13" t="s">
        <v>1</v>
      </c>
      <c r="AF27" s="13"/>
      <c r="AG27" s="13"/>
      <c r="AH27" s="14"/>
      <c r="AI27" s="12"/>
      <c r="AJ27" s="52">
        <v>9</v>
      </c>
      <c r="AK27" s="18" t="s">
        <v>259</v>
      </c>
    </row>
    <row r="28" spans="1:37" x14ac:dyDescent="0.2">
      <c r="A28" s="59" t="s">
        <v>1032</v>
      </c>
      <c r="B28" s="20">
        <v>40</v>
      </c>
      <c r="C28" s="22"/>
      <c r="D28" s="23"/>
      <c r="E28" s="24"/>
      <c r="F28" s="25"/>
      <c r="G28" s="23"/>
      <c r="H28" s="23"/>
      <c r="I28" s="23"/>
      <c r="J28" s="24"/>
      <c r="K28" s="25"/>
      <c r="L28" s="23"/>
      <c r="M28" s="23"/>
      <c r="N28" s="23"/>
      <c r="O28" s="24"/>
      <c r="P28" s="22"/>
      <c r="Q28" s="53"/>
      <c r="R28" s="27"/>
      <c r="T28" s="59">
        <v>401</v>
      </c>
      <c r="U28" s="20" t="s">
        <v>259</v>
      </c>
      <c r="V28" s="22"/>
      <c r="W28" s="23"/>
      <c r="X28" s="24"/>
      <c r="Y28" s="25"/>
      <c r="Z28" s="23"/>
      <c r="AA28" s="23"/>
      <c r="AB28" s="23"/>
      <c r="AC28" s="24" t="s">
        <v>1</v>
      </c>
      <c r="AD28" s="25"/>
      <c r="AE28" s="23"/>
      <c r="AF28" s="23"/>
      <c r="AG28" s="23"/>
      <c r="AH28" s="24"/>
      <c r="AI28" s="22"/>
      <c r="AJ28" s="53">
        <v>11</v>
      </c>
      <c r="AK28" s="27" t="s">
        <v>259</v>
      </c>
    </row>
    <row r="29" spans="1:37" x14ac:dyDescent="0.2">
      <c r="A29" s="60" t="s">
        <v>1031</v>
      </c>
      <c r="B29" s="1">
        <v>49</v>
      </c>
      <c r="C29" s="3"/>
      <c r="D29" s="4"/>
      <c r="E29" s="5"/>
      <c r="F29" s="6"/>
      <c r="G29" s="4"/>
      <c r="H29" s="4"/>
      <c r="I29" s="4"/>
      <c r="J29" s="5"/>
      <c r="K29" s="6"/>
      <c r="L29" s="4"/>
      <c r="M29" s="4"/>
      <c r="N29" s="4"/>
      <c r="O29" s="5"/>
      <c r="P29" s="3"/>
      <c r="Q29" s="51"/>
      <c r="R29" s="8"/>
      <c r="T29" s="60" t="s">
        <v>45</v>
      </c>
      <c r="U29" s="1" t="s">
        <v>259</v>
      </c>
      <c r="V29" s="3"/>
      <c r="W29" s="4"/>
      <c r="X29" s="5"/>
      <c r="Y29" s="6"/>
      <c r="Z29" s="4"/>
      <c r="AA29" s="4"/>
      <c r="AB29" s="4"/>
      <c r="AC29" s="5"/>
      <c r="AD29" s="6"/>
      <c r="AE29" s="4"/>
      <c r="AF29" s="4"/>
      <c r="AG29" s="4"/>
      <c r="AH29" s="5" t="s">
        <v>0</v>
      </c>
      <c r="AI29" s="3"/>
      <c r="AJ29" s="51">
        <v>4</v>
      </c>
      <c r="AK29" s="8" t="s">
        <v>259</v>
      </c>
    </row>
    <row r="30" spans="1:37" x14ac:dyDescent="0.2">
      <c r="A30" s="58" t="s">
        <v>1030</v>
      </c>
      <c r="B30" s="10">
        <v>52</v>
      </c>
      <c r="C30" s="12"/>
      <c r="D30" s="13"/>
      <c r="E30" s="14"/>
      <c r="F30" s="15"/>
      <c r="G30" s="13"/>
      <c r="H30" s="13"/>
      <c r="I30" s="13"/>
      <c r="J30" s="14"/>
      <c r="K30" s="15"/>
      <c r="L30" s="13"/>
      <c r="M30" s="13"/>
      <c r="N30" s="13"/>
      <c r="O30" s="14"/>
      <c r="P30" s="12"/>
      <c r="Q30" s="52"/>
      <c r="R30" s="18"/>
      <c r="T30" s="58" t="s">
        <v>995</v>
      </c>
      <c r="U30" s="10">
        <v>18</v>
      </c>
      <c r="V30" s="12"/>
      <c r="W30" s="13"/>
      <c r="X30" s="14"/>
      <c r="Y30" s="15"/>
      <c r="Z30" s="13"/>
      <c r="AA30" s="13"/>
      <c r="AB30" s="13"/>
      <c r="AC30" s="14"/>
      <c r="AD30" s="15"/>
      <c r="AE30" s="13"/>
      <c r="AF30" s="13"/>
      <c r="AG30" s="13"/>
      <c r="AH30" s="14"/>
      <c r="AI30" s="12"/>
      <c r="AJ30" s="52"/>
      <c r="AK30" s="18"/>
    </row>
    <row r="31" spans="1:37" x14ac:dyDescent="0.2">
      <c r="A31" s="58" t="s">
        <v>38</v>
      </c>
      <c r="B31" s="10" t="s">
        <v>259</v>
      </c>
      <c r="C31" s="12"/>
      <c r="D31" s="13"/>
      <c r="E31" s="14"/>
      <c r="F31" s="15"/>
      <c r="G31" s="13"/>
      <c r="H31" s="13"/>
      <c r="I31" s="13"/>
      <c r="J31" s="14"/>
      <c r="K31" s="15"/>
      <c r="L31" s="13"/>
      <c r="M31" s="13"/>
      <c r="N31" s="13" t="s">
        <v>1</v>
      </c>
      <c r="O31" s="14"/>
      <c r="P31" s="12"/>
      <c r="Q31" s="52">
        <v>4</v>
      </c>
      <c r="R31" s="18" t="s">
        <v>259</v>
      </c>
      <c r="T31" s="58" t="s">
        <v>994</v>
      </c>
      <c r="U31" s="10">
        <v>27</v>
      </c>
      <c r="V31" s="12"/>
      <c r="W31" s="13"/>
      <c r="X31" s="14"/>
      <c r="Y31" s="15"/>
      <c r="Z31" s="13"/>
      <c r="AA31" s="13"/>
      <c r="AB31" s="13"/>
      <c r="AC31" s="14"/>
      <c r="AD31" s="15"/>
      <c r="AE31" s="13"/>
      <c r="AF31" s="13"/>
      <c r="AG31" s="13"/>
      <c r="AH31" s="14"/>
      <c r="AI31" s="12"/>
      <c r="AJ31" s="52"/>
      <c r="AK31" s="18"/>
    </row>
    <row r="32" spans="1:37" x14ac:dyDescent="0.2">
      <c r="A32" s="58" t="s">
        <v>1029</v>
      </c>
      <c r="B32" s="10">
        <v>57</v>
      </c>
      <c r="C32" s="12"/>
      <c r="D32" s="13"/>
      <c r="E32" s="14"/>
      <c r="F32" s="15"/>
      <c r="G32" s="13"/>
      <c r="H32" s="13"/>
      <c r="I32" s="13"/>
      <c r="J32" s="14"/>
      <c r="K32" s="15"/>
      <c r="L32" s="13"/>
      <c r="M32" s="13"/>
      <c r="N32" s="13"/>
      <c r="O32" s="14"/>
      <c r="P32" s="12"/>
      <c r="Q32" s="52"/>
      <c r="R32" s="18"/>
      <c r="T32" s="58" t="s">
        <v>46</v>
      </c>
      <c r="U32" s="10" t="s">
        <v>259</v>
      </c>
      <c r="V32" s="12"/>
      <c r="W32" s="13"/>
      <c r="X32" s="14"/>
      <c r="Y32" s="15"/>
      <c r="Z32" s="13"/>
      <c r="AA32" s="13"/>
      <c r="AB32" s="13"/>
      <c r="AC32" s="14"/>
      <c r="AD32" s="15"/>
      <c r="AE32" s="13"/>
      <c r="AF32" s="13" t="s">
        <v>0</v>
      </c>
      <c r="AG32" s="13"/>
      <c r="AH32" s="14" t="s">
        <v>0</v>
      </c>
      <c r="AI32" s="12"/>
      <c r="AJ32" s="52">
        <v>8</v>
      </c>
      <c r="AK32" s="18" t="s">
        <v>259</v>
      </c>
    </row>
    <row r="33" spans="1:37" x14ac:dyDescent="0.2">
      <c r="A33" s="59" t="s">
        <v>1028</v>
      </c>
      <c r="B33" s="20">
        <v>49</v>
      </c>
      <c r="C33" s="22"/>
      <c r="D33" s="23"/>
      <c r="E33" s="24"/>
      <c r="F33" s="25"/>
      <c r="G33" s="23"/>
      <c r="H33" s="23"/>
      <c r="I33" s="23"/>
      <c r="J33" s="24"/>
      <c r="K33" s="25"/>
      <c r="L33" s="23"/>
      <c r="M33" s="23"/>
      <c r="N33" s="23"/>
      <c r="O33" s="24"/>
      <c r="P33" s="22"/>
      <c r="Q33" s="53"/>
      <c r="R33" s="27"/>
      <c r="T33" s="59" t="s">
        <v>993</v>
      </c>
      <c r="U33" s="20">
        <v>44</v>
      </c>
      <c r="V33" s="22"/>
      <c r="W33" s="23"/>
      <c r="X33" s="24"/>
      <c r="Y33" s="25"/>
      <c r="Z33" s="23"/>
      <c r="AA33" s="23"/>
      <c r="AB33" s="23"/>
      <c r="AC33" s="24"/>
      <c r="AD33" s="25"/>
      <c r="AE33" s="23"/>
      <c r="AF33" s="23"/>
      <c r="AG33" s="23"/>
      <c r="AH33" s="24"/>
      <c r="AI33" s="22"/>
      <c r="AJ33" s="53"/>
      <c r="AK33" s="27"/>
    </row>
    <row r="34" spans="1:37" x14ac:dyDescent="0.2">
      <c r="A34" s="60" t="s">
        <v>1027</v>
      </c>
      <c r="B34" s="1">
        <v>27</v>
      </c>
      <c r="C34" s="3"/>
      <c r="D34" s="4"/>
      <c r="E34" s="5"/>
      <c r="F34" s="6"/>
      <c r="G34" s="4"/>
      <c r="H34" s="4"/>
      <c r="I34" s="4"/>
      <c r="J34" s="5"/>
      <c r="K34" s="6"/>
      <c r="L34" s="4"/>
      <c r="M34" s="4"/>
      <c r="N34" s="4"/>
      <c r="O34" s="5"/>
      <c r="P34" s="3"/>
      <c r="Q34" s="51"/>
      <c r="R34" s="8"/>
      <c r="T34" s="60" t="s">
        <v>992</v>
      </c>
      <c r="U34" s="1">
        <v>27</v>
      </c>
      <c r="V34" s="3"/>
      <c r="W34" s="4"/>
      <c r="X34" s="5"/>
      <c r="Y34" s="6"/>
      <c r="Z34" s="4"/>
      <c r="AA34" s="4"/>
      <c r="AB34" s="4"/>
      <c r="AC34" s="5"/>
      <c r="AD34" s="6"/>
      <c r="AE34" s="4"/>
      <c r="AF34" s="4"/>
      <c r="AG34" s="4"/>
      <c r="AH34" s="5"/>
      <c r="AI34" s="3"/>
      <c r="AJ34" s="51"/>
      <c r="AK34" s="8"/>
    </row>
    <row r="35" spans="1:37" x14ac:dyDescent="0.2">
      <c r="A35" s="58" t="s">
        <v>1026</v>
      </c>
      <c r="B35" s="10">
        <v>39</v>
      </c>
      <c r="C35" s="12"/>
      <c r="D35" s="13"/>
      <c r="E35" s="14"/>
      <c r="F35" s="15"/>
      <c r="G35" s="13"/>
      <c r="H35" s="13"/>
      <c r="I35" s="13"/>
      <c r="J35" s="14"/>
      <c r="K35" s="15"/>
      <c r="L35" s="13"/>
      <c r="M35" s="13"/>
      <c r="N35" s="13"/>
      <c r="O35" s="14"/>
      <c r="P35" s="12"/>
      <c r="Q35" s="52"/>
      <c r="R35" s="18"/>
      <c r="T35" s="58">
        <v>405</v>
      </c>
      <c r="U35" s="10" t="s">
        <v>259</v>
      </c>
      <c r="V35" s="17"/>
      <c r="W35" s="13"/>
      <c r="X35" s="14"/>
      <c r="Y35" s="15"/>
      <c r="Z35" s="13"/>
      <c r="AA35" s="13"/>
      <c r="AB35" s="13"/>
      <c r="AC35" s="14"/>
      <c r="AD35" s="15"/>
      <c r="AE35" s="13"/>
      <c r="AF35" s="13"/>
      <c r="AG35" s="13"/>
      <c r="AH35" s="14"/>
      <c r="AI35" s="12" t="s">
        <v>0</v>
      </c>
      <c r="AJ35" s="52">
        <v>4</v>
      </c>
      <c r="AK35" s="18" t="s">
        <v>259</v>
      </c>
    </row>
    <row r="36" spans="1:37" x14ac:dyDescent="0.2">
      <c r="A36" s="58" t="s">
        <v>1025</v>
      </c>
      <c r="B36" s="10">
        <v>40</v>
      </c>
      <c r="C36" s="12"/>
      <c r="D36" s="13"/>
      <c r="E36" s="14"/>
      <c r="F36" s="15"/>
      <c r="G36" s="13"/>
      <c r="H36" s="13"/>
      <c r="I36" s="13"/>
      <c r="J36" s="14"/>
      <c r="K36" s="15"/>
      <c r="L36" s="13"/>
      <c r="M36" s="13"/>
      <c r="N36" s="13"/>
      <c r="O36" s="14"/>
      <c r="P36" s="12"/>
      <c r="Q36" s="52"/>
      <c r="R36" s="18"/>
      <c r="T36" s="58" t="s">
        <v>991</v>
      </c>
      <c r="U36" s="10">
        <v>27</v>
      </c>
      <c r="V36" s="12"/>
      <c r="W36" s="13"/>
      <c r="X36" s="14"/>
      <c r="Y36" s="15"/>
      <c r="Z36" s="13"/>
      <c r="AA36" s="13"/>
      <c r="AB36" s="13"/>
      <c r="AC36" s="14"/>
      <c r="AD36" s="15"/>
      <c r="AE36" s="13"/>
      <c r="AF36" s="13"/>
      <c r="AG36" s="13"/>
      <c r="AH36" s="14"/>
      <c r="AI36" s="12"/>
      <c r="AJ36" s="52"/>
      <c r="AK36" s="18"/>
    </row>
    <row r="37" spans="1:37" x14ac:dyDescent="0.2">
      <c r="A37" s="58" t="s">
        <v>1024</v>
      </c>
      <c r="B37" s="10">
        <v>42</v>
      </c>
      <c r="C37" s="12"/>
      <c r="D37" s="13"/>
      <c r="E37" s="14"/>
      <c r="F37" s="15"/>
      <c r="G37" s="13"/>
      <c r="H37" s="13"/>
      <c r="I37" s="13"/>
      <c r="J37" s="14"/>
      <c r="K37" s="15"/>
      <c r="L37" s="13"/>
      <c r="M37" s="13"/>
      <c r="N37" s="13"/>
      <c r="O37" s="14"/>
      <c r="P37" s="12"/>
      <c r="Q37" s="52"/>
      <c r="R37" s="18"/>
      <c r="T37" s="58" t="s">
        <v>990</v>
      </c>
      <c r="U37" s="10">
        <v>30</v>
      </c>
      <c r="V37" s="17"/>
      <c r="W37" s="13"/>
      <c r="X37" s="14"/>
      <c r="Y37" s="15"/>
      <c r="Z37" s="13"/>
      <c r="AA37" s="13"/>
      <c r="AB37" s="13"/>
      <c r="AC37" s="14"/>
      <c r="AD37" s="15"/>
      <c r="AE37" s="13"/>
      <c r="AF37" s="13"/>
      <c r="AG37" s="13"/>
      <c r="AH37" s="14"/>
      <c r="AI37" s="12"/>
      <c r="AJ37" s="52"/>
      <c r="AK37" s="18"/>
    </row>
    <row r="38" spans="1:37" x14ac:dyDescent="0.2">
      <c r="A38" s="59" t="s">
        <v>1023</v>
      </c>
      <c r="B38" s="20">
        <v>49</v>
      </c>
      <c r="C38" s="22"/>
      <c r="D38" s="23"/>
      <c r="E38" s="24"/>
      <c r="F38" s="25"/>
      <c r="G38" s="23"/>
      <c r="H38" s="23"/>
      <c r="I38" s="23"/>
      <c r="J38" s="24"/>
      <c r="K38" s="25"/>
      <c r="L38" s="23"/>
      <c r="M38" s="23"/>
      <c r="N38" s="23"/>
      <c r="O38" s="24"/>
      <c r="P38" s="22"/>
      <c r="Q38" s="53"/>
      <c r="R38" s="27"/>
      <c r="T38" s="59" t="s">
        <v>47</v>
      </c>
      <c r="U38" s="20" t="s">
        <v>259</v>
      </c>
      <c r="V38" s="22"/>
      <c r="W38" s="23"/>
      <c r="X38" s="24"/>
      <c r="Y38" s="25"/>
      <c r="Z38" s="23"/>
      <c r="AA38" s="23" t="s">
        <v>1</v>
      </c>
      <c r="AB38" s="23"/>
      <c r="AC38" s="24" t="s">
        <v>1</v>
      </c>
      <c r="AD38" s="25"/>
      <c r="AE38" s="23"/>
      <c r="AF38" s="23"/>
      <c r="AG38" s="23"/>
      <c r="AH38" s="24"/>
      <c r="AI38" s="22"/>
      <c r="AJ38" s="53">
        <v>11</v>
      </c>
      <c r="AK38" s="27" t="s">
        <v>259</v>
      </c>
    </row>
    <row r="39" spans="1:37" x14ac:dyDescent="0.2">
      <c r="A39" s="60" t="s">
        <v>1022</v>
      </c>
      <c r="B39" s="1">
        <v>35</v>
      </c>
      <c r="C39" s="3"/>
      <c r="D39" s="4"/>
      <c r="E39" s="5"/>
      <c r="F39" s="6"/>
      <c r="G39" s="4"/>
      <c r="H39" s="4"/>
      <c r="I39" s="4"/>
      <c r="J39" s="5"/>
      <c r="K39" s="6"/>
      <c r="L39" s="4"/>
      <c r="M39" s="4"/>
      <c r="N39" s="4"/>
      <c r="O39" s="5"/>
      <c r="P39" s="3"/>
      <c r="Q39" s="51"/>
      <c r="R39" s="8"/>
      <c r="T39" s="60" t="s">
        <v>989</v>
      </c>
      <c r="U39" s="1">
        <v>31</v>
      </c>
      <c r="V39" s="3"/>
      <c r="W39" s="4"/>
      <c r="X39" s="5"/>
      <c r="Y39" s="6"/>
      <c r="Z39" s="4"/>
      <c r="AA39" s="4"/>
      <c r="AB39" s="4"/>
      <c r="AC39" s="5"/>
      <c r="AD39" s="6"/>
      <c r="AE39" s="4"/>
      <c r="AF39" s="4"/>
      <c r="AG39" s="4"/>
      <c r="AH39" s="5"/>
      <c r="AI39" s="3"/>
      <c r="AJ39" s="51"/>
      <c r="AK39" s="8"/>
    </row>
    <row r="40" spans="1:37" x14ac:dyDescent="0.2">
      <c r="A40" s="58" t="s">
        <v>1021</v>
      </c>
      <c r="B40" s="10">
        <v>39</v>
      </c>
      <c r="C40" s="12"/>
      <c r="D40" s="13"/>
      <c r="E40" s="14"/>
      <c r="F40" s="15"/>
      <c r="G40" s="13"/>
      <c r="H40" s="13"/>
      <c r="I40" s="13"/>
      <c r="J40" s="14"/>
      <c r="K40" s="15"/>
      <c r="L40" s="13"/>
      <c r="M40" s="13"/>
      <c r="N40" s="13"/>
      <c r="O40" s="14"/>
      <c r="P40" s="12"/>
      <c r="Q40" s="52"/>
      <c r="R40" s="18"/>
      <c r="T40" s="58" t="s">
        <v>988</v>
      </c>
      <c r="U40" s="10">
        <v>31</v>
      </c>
      <c r="V40" s="12"/>
      <c r="W40" s="13"/>
      <c r="X40" s="14"/>
      <c r="Y40" s="15"/>
      <c r="Z40" s="13"/>
      <c r="AA40" s="13"/>
      <c r="AB40" s="13"/>
      <c r="AC40" s="14"/>
      <c r="AD40" s="15"/>
      <c r="AE40" s="13"/>
      <c r="AF40" s="13"/>
      <c r="AG40" s="13"/>
      <c r="AH40" s="14"/>
      <c r="AI40" s="12"/>
      <c r="AJ40" s="52"/>
      <c r="AK40" s="18"/>
    </row>
    <row r="41" spans="1:37" x14ac:dyDescent="0.2">
      <c r="A41" s="58" t="s">
        <v>1020</v>
      </c>
      <c r="B41" s="10">
        <v>40</v>
      </c>
      <c r="C41" s="12"/>
      <c r="D41" s="13"/>
      <c r="E41" s="14"/>
      <c r="F41" s="15"/>
      <c r="G41" s="13"/>
      <c r="H41" s="13"/>
      <c r="I41" s="13"/>
      <c r="J41" s="14"/>
      <c r="K41" s="15"/>
      <c r="L41" s="13"/>
      <c r="M41" s="13"/>
      <c r="N41" s="13"/>
      <c r="O41" s="14"/>
      <c r="P41" s="12"/>
      <c r="Q41" s="52"/>
      <c r="R41" s="18"/>
      <c r="T41" s="58">
        <v>409</v>
      </c>
      <c r="U41" s="10" t="s">
        <v>259</v>
      </c>
      <c r="V41" s="12"/>
      <c r="W41" s="13"/>
      <c r="X41" s="14"/>
      <c r="Y41" s="15"/>
      <c r="Z41" s="13"/>
      <c r="AA41" s="13"/>
      <c r="AB41" s="13"/>
      <c r="AC41" s="14" t="s">
        <v>1</v>
      </c>
      <c r="AD41" s="15"/>
      <c r="AE41" s="13"/>
      <c r="AF41" s="13"/>
      <c r="AG41" s="13" t="s">
        <v>1</v>
      </c>
      <c r="AH41" s="14"/>
      <c r="AI41" s="12"/>
      <c r="AJ41" s="52">
        <v>4</v>
      </c>
      <c r="AK41" s="18" t="s">
        <v>259</v>
      </c>
    </row>
    <row r="42" spans="1:37" x14ac:dyDescent="0.2">
      <c r="A42" s="58">
        <v>377</v>
      </c>
      <c r="B42" s="10" t="s">
        <v>259</v>
      </c>
      <c r="C42" s="12"/>
      <c r="D42" s="13"/>
      <c r="E42" s="14"/>
      <c r="F42" s="15"/>
      <c r="G42" s="13"/>
      <c r="H42" s="13"/>
      <c r="I42" s="13"/>
      <c r="J42" s="14"/>
      <c r="K42" s="15"/>
      <c r="L42" s="13"/>
      <c r="M42" s="13"/>
      <c r="N42" s="13"/>
      <c r="O42" s="14" t="s">
        <v>1</v>
      </c>
      <c r="P42" s="12"/>
      <c r="Q42" s="52">
        <v>5</v>
      </c>
      <c r="R42" s="18" t="s">
        <v>259</v>
      </c>
      <c r="T42" s="58" t="s">
        <v>987</v>
      </c>
      <c r="U42" s="10">
        <v>48</v>
      </c>
      <c r="V42" s="12"/>
      <c r="W42" s="13"/>
      <c r="X42" s="14"/>
      <c r="Y42" s="15"/>
      <c r="Z42" s="13"/>
      <c r="AA42" s="13"/>
      <c r="AB42" s="13"/>
      <c r="AC42" s="14"/>
      <c r="AD42" s="15"/>
      <c r="AE42" s="13"/>
      <c r="AF42" s="13"/>
      <c r="AG42" s="13"/>
      <c r="AH42" s="14"/>
      <c r="AI42" s="12"/>
      <c r="AJ42" s="52"/>
      <c r="AK42" s="18"/>
    </row>
    <row r="43" spans="1:37" x14ac:dyDescent="0.2">
      <c r="A43" s="59" t="s">
        <v>1019</v>
      </c>
      <c r="B43" s="20">
        <v>43</v>
      </c>
      <c r="C43" s="22"/>
      <c r="D43" s="23"/>
      <c r="E43" s="24"/>
      <c r="F43" s="25"/>
      <c r="G43" s="23"/>
      <c r="H43" s="23"/>
      <c r="I43" s="23"/>
      <c r="J43" s="24"/>
      <c r="K43" s="25"/>
      <c r="L43" s="23"/>
      <c r="M43" s="23"/>
      <c r="N43" s="23"/>
      <c r="O43" s="24"/>
      <c r="P43" s="22"/>
      <c r="Q43" s="53"/>
      <c r="R43" s="27"/>
      <c r="T43" s="59">
        <v>410</v>
      </c>
      <c r="U43" s="20" t="s">
        <v>259</v>
      </c>
      <c r="V43" s="22"/>
      <c r="W43" s="23"/>
      <c r="X43" s="24"/>
      <c r="Y43" s="25"/>
      <c r="Z43" s="23"/>
      <c r="AA43" s="23"/>
      <c r="AB43" s="23"/>
      <c r="AC43" s="24"/>
      <c r="AD43" s="25"/>
      <c r="AE43" s="23"/>
      <c r="AF43" s="23"/>
      <c r="AG43" s="23" t="s">
        <v>1</v>
      </c>
      <c r="AH43" s="24"/>
      <c r="AI43" s="22"/>
      <c r="AJ43" s="53">
        <v>4</v>
      </c>
      <c r="AK43" s="27" t="s">
        <v>259</v>
      </c>
    </row>
    <row r="44" spans="1:37" x14ac:dyDescent="0.2">
      <c r="A44" s="60" t="s">
        <v>1018</v>
      </c>
      <c r="B44" s="1">
        <v>31</v>
      </c>
      <c r="C44" s="3"/>
      <c r="D44" s="4"/>
      <c r="E44" s="5"/>
      <c r="F44" s="6"/>
      <c r="G44" s="4"/>
      <c r="H44" s="4"/>
      <c r="I44" s="4"/>
      <c r="J44" s="5"/>
      <c r="K44" s="6"/>
      <c r="L44" s="4"/>
      <c r="M44" s="4"/>
      <c r="N44" s="4"/>
      <c r="O44" s="5"/>
      <c r="P44" s="3"/>
      <c r="Q44" s="51"/>
      <c r="R44" s="8"/>
      <c r="T44" s="60" t="s">
        <v>986</v>
      </c>
      <c r="U44" s="1">
        <v>27</v>
      </c>
      <c r="V44" s="3"/>
      <c r="W44" s="4"/>
      <c r="X44" s="5"/>
      <c r="Y44" s="6"/>
      <c r="Z44" s="4"/>
      <c r="AA44" s="4"/>
      <c r="AB44" s="4"/>
      <c r="AC44" s="5"/>
      <c r="AD44" s="6"/>
      <c r="AE44" s="4"/>
      <c r="AF44" s="4"/>
      <c r="AG44" s="4"/>
      <c r="AH44" s="5"/>
      <c r="AI44" s="3"/>
      <c r="AJ44" s="51"/>
      <c r="AK44" s="8"/>
    </row>
    <row r="45" spans="1:37" x14ac:dyDescent="0.2">
      <c r="A45" s="58" t="s">
        <v>39</v>
      </c>
      <c r="B45" s="10" t="s">
        <v>259</v>
      </c>
      <c r="C45" s="12"/>
      <c r="D45" s="13"/>
      <c r="E45" s="14"/>
      <c r="F45" s="15"/>
      <c r="G45" s="13"/>
      <c r="H45" s="13"/>
      <c r="I45" s="13"/>
      <c r="J45" s="14"/>
      <c r="K45" s="15" t="s">
        <v>0</v>
      </c>
      <c r="L45" s="13"/>
      <c r="M45" s="13"/>
      <c r="N45" s="13"/>
      <c r="O45" s="14"/>
      <c r="P45" s="12"/>
      <c r="Q45" s="52">
        <v>4</v>
      </c>
      <c r="R45" s="18" t="s">
        <v>259</v>
      </c>
      <c r="T45" s="58" t="s">
        <v>48</v>
      </c>
      <c r="U45" s="10" t="s">
        <v>259</v>
      </c>
      <c r="V45" s="12"/>
      <c r="W45" s="13"/>
      <c r="X45" s="14"/>
      <c r="Y45" s="15"/>
      <c r="Z45" s="13"/>
      <c r="AA45" s="13"/>
      <c r="AB45" s="13"/>
      <c r="AC45" s="14"/>
      <c r="AD45" s="15"/>
      <c r="AE45" s="13"/>
      <c r="AF45" s="13"/>
      <c r="AG45" s="13" t="s">
        <v>0</v>
      </c>
      <c r="AH45" s="14" t="s">
        <v>0</v>
      </c>
      <c r="AI45" s="12"/>
      <c r="AJ45" s="52">
        <v>8</v>
      </c>
      <c r="AK45" s="18" t="s">
        <v>259</v>
      </c>
    </row>
    <row r="46" spans="1:37" x14ac:dyDescent="0.2">
      <c r="A46" s="58" t="s">
        <v>1017</v>
      </c>
      <c r="B46" s="10">
        <v>31</v>
      </c>
      <c r="C46" s="12"/>
      <c r="D46" s="13"/>
      <c r="E46" s="14"/>
      <c r="F46" s="15"/>
      <c r="G46" s="13"/>
      <c r="H46" s="13"/>
      <c r="I46" s="13"/>
      <c r="J46" s="14"/>
      <c r="K46" s="15"/>
      <c r="L46" s="13"/>
      <c r="M46" s="13"/>
      <c r="N46" s="13"/>
      <c r="O46" s="14"/>
      <c r="P46" s="12"/>
      <c r="Q46" s="52"/>
      <c r="R46" s="18"/>
      <c r="T46" s="58" t="s">
        <v>985</v>
      </c>
      <c r="U46" s="10">
        <v>14</v>
      </c>
      <c r="V46" s="12"/>
      <c r="W46" s="13"/>
      <c r="X46" s="14"/>
      <c r="Y46" s="15"/>
      <c r="Z46" s="13"/>
      <c r="AA46" s="13"/>
      <c r="AB46" s="13"/>
      <c r="AC46" s="14"/>
      <c r="AD46" s="15"/>
      <c r="AE46" s="13"/>
      <c r="AF46" s="13"/>
      <c r="AG46" s="13"/>
      <c r="AH46" s="14"/>
      <c r="AI46" s="12"/>
      <c r="AJ46" s="52"/>
      <c r="AK46" s="18"/>
    </row>
    <row r="47" spans="1:37" x14ac:dyDescent="0.2">
      <c r="A47" s="58" t="s">
        <v>1016</v>
      </c>
      <c r="B47" s="10">
        <v>52</v>
      </c>
      <c r="C47" s="12"/>
      <c r="D47" s="13"/>
      <c r="E47" s="14"/>
      <c r="F47" s="15"/>
      <c r="G47" s="13"/>
      <c r="H47" s="13"/>
      <c r="I47" s="13"/>
      <c r="J47" s="14"/>
      <c r="K47" s="15"/>
      <c r="L47" s="13"/>
      <c r="M47" s="13"/>
      <c r="N47" s="13"/>
      <c r="O47" s="14"/>
      <c r="P47" s="12"/>
      <c r="Q47" s="52"/>
      <c r="R47" s="18"/>
      <c r="T47" s="58" t="s">
        <v>984</v>
      </c>
      <c r="U47" s="10">
        <v>40</v>
      </c>
      <c r="V47" s="12"/>
      <c r="W47" s="13"/>
      <c r="X47" s="14"/>
      <c r="Y47" s="15"/>
      <c r="Z47" s="13"/>
      <c r="AA47" s="13"/>
      <c r="AB47" s="13"/>
      <c r="AC47" s="14"/>
      <c r="AD47" s="15"/>
      <c r="AE47" s="13"/>
      <c r="AF47" s="13"/>
      <c r="AG47" s="13"/>
      <c r="AH47" s="14"/>
      <c r="AI47" s="12"/>
      <c r="AJ47" s="52"/>
      <c r="AK47" s="18"/>
    </row>
    <row r="48" spans="1:37" x14ac:dyDescent="0.2">
      <c r="A48" s="59" t="s">
        <v>1015</v>
      </c>
      <c r="B48" s="20">
        <v>43</v>
      </c>
      <c r="C48" s="22"/>
      <c r="D48" s="23"/>
      <c r="E48" s="24"/>
      <c r="F48" s="25"/>
      <c r="G48" s="23"/>
      <c r="H48" s="23"/>
      <c r="I48" s="23"/>
      <c r="J48" s="24"/>
      <c r="K48" s="25"/>
      <c r="L48" s="23"/>
      <c r="M48" s="23"/>
      <c r="N48" s="23"/>
      <c r="O48" s="24"/>
      <c r="P48" s="22"/>
      <c r="Q48" s="53"/>
      <c r="R48" s="27"/>
      <c r="T48" s="59" t="s">
        <v>983</v>
      </c>
      <c r="U48" s="20">
        <v>49</v>
      </c>
      <c r="V48" s="22"/>
      <c r="W48" s="23"/>
      <c r="X48" s="24"/>
      <c r="Y48" s="25"/>
      <c r="Z48" s="23"/>
      <c r="AA48" s="23"/>
      <c r="AB48" s="23"/>
      <c r="AC48" s="24"/>
      <c r="AD48" s="25"/>
      <c r="AE48" s="23"/>
      <c r="AF48" s="23"/>
      <c r="AG48" s="23"/>
      <c r="AH48" s="24"/>
      <c r="AI48" s="22"/>
      <c r="AJ48" s="53"/>
      <c r="AK48" s="27"/>
    </row>
    <row r="49" spans="1:37" x14ac:dyDescent="0.2">
      <c r="A49" s="60" t="s">
        <v>1014</v>
      </c>
      <c r="B49" s="1">
        <v>31</v>
      </c>
      <c r="C49" s="3"/>
      <c r="D49" s="4"/>
      <c r="E49" s="5"/>
      <c r="F49" s="6"/>
      <c r="G49" s="4"/>
      <c r="H49" s="4"/>
      <c r="I49" s="4"/>
      <c r="J49" s="5"/>
      <c r="K49" s="6"/>
      <c r="L49" s="4"/>
      <c r="M49" s="4"/>
      <c r="N49" s="4"/>
      <c r="O49" s="5"/>
      <c r="P49" s="3"/>
      <c r="Q49" s="51"/>
      <c r="R49" s="8"/>
      <c r="T49" s="60" t="s">
        <v>982</v>
      </c>
      <c r="U49" s="1">
        <v>27</v>
      </c>
      <c r="V49" s="3"/>
      <c r="W49" s="4"/>
      <c r="X49" s="5"/>
      <c r="Y49" s="6"/>
      <c r="Z49" s="4"/>
      <c r="AA49" s="4"/>
      <c r="AB49" s="4"/>
      <c r="AC49" s="5"/>
      <c r="AD49" s="6"/>
      <c r="AE49" s="4"/>
      <c r="AF49" s="4"/>
      <c r="AG49" s="4"/>
      <c r="AH49" s="5"/>
      <c r="AI49" s="3"/>
      <c r="AJ49" s="51"/>
      <c r="AK49" s="8"/>
    </row>
    <row r="50" spans="1:37" x14ac:dyDescent="0.2">
      <c r="A50" s="58" t="s">
        <v>1013</v>
      </c>
      <c r="B50" s="10">
        <v>40</v>
      </c>
      <c r="C50" s="12"/>
      <c r="D50" s="13"/>
      <c r="E50" s="14"/>
      <c r="F50" s="15"/>
      <c r="G50" s="13"/>
      <c r="H50" s="13"/>
      <c r="I50" s="13"/>
      <c r="J50" s="14"/>
      <c r="K50" s="15"/>
      <c r="L50" s="13"/>
      <c r="M50" s="13"/>
      <c r="N50" s="13"/>
      <c r="O50" s="14"/>
      <c r="P50" s="12"/>
      <c r="Q50" s="52"/>
      <c r="R50" s="18"/>
      <c r="T50" s="58" t="s">
        <v>981</v>
      </c>
      <c r="U50" s="10">
        <v>40</v>
      </c>
      <c r="V50" s="17"/>
      <c r="W50" s="13"/>
      <c r="X50" s="14"/>
      <c r="Y50" s="15"/>
      <c r="Z50" s="13"/>
      <c r="AA50" s="13"/>
      <c r="AB50" s="13"/>
      <c r="AC50" s="14"/>
      <c r="AD50" s="15"/>
      <c r="AE50" s="13"/>
      <c r="AF50" s="13"/>
      <c r="AG50" s="13"/>
      <c r="AH50" s="14"/>
      <c r="AI50" s="12"/>
      <c r="AJ50" s="52"/>
      <c r="AK50" s="18"/>
    </row>
    <row r="51" spans="1:37" x14ac:dyDescent="0.2">
      <c r="A51" s="58" t="s">
        <v>1012</v>
      </c>
      <c r="B51" s="10">
        <v>49</v>
      </c>
      <c r="C51" s="12"/>
      <c r="D51" s="13"/>
      <c r="E51" s="14"/>
      <c r="F51" s="15"/>
      <c r="G51" s="13"/>
      <c r="H51" s="13"/>
      <c r="I51" s="13"/>
      <c r="J51" s="14"/>
      <c r="K51" s="15"/>
      <c r="L51" s="13"/>
      <c r="M51" s="13"/>
      <c r="N51" s="13"/>
      <c r="O51" s="14"/>
      <c r="P51" s="12"/>
      <c r="Q51" s="52"/>
      <c r="R51" s="18"/>
      <c r="T51" s="58">
        <v>416</v>
      </c>
      <c r="U51" s="10" t="s">
        <v>259</v>
      </c>
      <c r="V51" s="12"/>
      <c r="W51" s="13"/>
      <c r="X51" s="14"/>
      <c r="Y51" s="15"/>
      <c r="Z51" s="13"/>
      <c r="AA51" s="13" t="s">
        <v>1</v>
      </c>
      <c r="AB51" s="13"/>
      <c r="AC51" s="14"/>
      <c r="AD51" s="15"/>
      <c r="AE51" s="13"/>
      <c r="AF51" s="13"/>
      <c r="AG51" s="13"/>
      <c r="AH51" s="14"/>
      <c r="AI51" s="12"/>
      <c r="AJ51" s="52">
        <v>6</v>
      </c>
      <c r="AK51" s="18" t="s">
        <v>259</v>
      </c>
    </row>
    <row r="52" spans="1:37" x14ac:dyDescent="0.2">
      <c r="A52" s="58" t="s">
        <v>1011</v>
      </c>
      <c r="B52" s="10">
        <v>22</v>
      </c>
      <c r="C52" s="12"/>
      <c r="D52" s="13"/>
      <c r="E52" s="14"/>
      <c r="F52" s="15"/>
      <c r="G52" s="13"/>
      <c r="H52" s="13"/>
      <c r="I52" s="13"/>
      <c r="J52" s="14"/>
      <c r="K52" s="15"/>
      <c r="L52" s="13"/>
      <c r="M52" s="13"/>
      <c r="N52" s="13"/>
      <c r="O52" s="14"/>
      <c r="P52" s="12"/>
      <c r="Q52" s="52"/>
      <c r="R52" s="18"/>
      <c r="T52" s="58" t="s">
        <v>980</v>
      </c>
      <c r="U52" s="10">
        <v>31</v>
      </c>
      <c r="V52" s="17"/>
      <c r="W52" s="13"/>
      <c r="X52" s="14"/>
      <c r="Y52" s="15"/>
      <c r="Z52" s="13"/>
      <c r="AA52" s="13"/>
      <c r="AB52" s="13"/>
      <c r="AC52" s="14"/>
      <c r="AD52" s="15"/>
      <c r="AE52" s="13"/>
      <c r="AF52" s="13"/>
      <c r="AG52" s="13"/>
      <c r="AH52" s="14"/>
      <c r="AI52" s="12"/>
      <c r="AJ52" s="52"/>
      <c r="AK52" s="18"/>
    </row>
    <row r="53" spans="1:37" x14ac:dyDescent="0.2">
      <c r="A53" s="59" t="s">
        <v>1010</v>
      </c>
      <c r="B53" s="20">
        <v>31</v>
      </c>
      <c r="C53" s="26"/>
      <c r="D53" s="23"/>
      <c r="E53" s="24"/>
      <c r="F53" s="25"/>
      <c r="G53" s="23"/>
      <c r="H53" s="23"/>
      <c r="I53" s="23"/>
      <c r="J53" s="24"/>
      <c r="K53" s="25"/>
      <c r="L53" s="23"/>
      <c r="M53" s="23"/>
      <c r="N53" s="23"/>
      <c r="O53" s="24"/>
      <c r="P53" s="22"/>
      <c r="Q53" s="53"/>
      <c r="R53" s="27"/>
      <c r="T53" s="59">
        <v>417</v>
      </c>
      <c r="U53" s="20" t="s">
        <v>259</v>
      </c>
      <c r="V53" s="22"/>
      <c r="W53" s="23"/>
      <c r="X53" s="24"/>
      <c r="Y53" s="25"/>
      <c r="Z53" s="23"/>
      <c r="AA53" s="23"/>
      <c r="AB53" s="23"/>
      <c r="AC53" s="24"/>
      <c r="AD53" s="25"/>
      <c r="AE53" s="23" t="s">
        <v>1</v>
      </c>
      <c r="AF53" s="23"/>
      <c r="AG53" s="23"/>
      <c r="AH53" s="24"/>
      <c r="AI53" s="22"/>
      <c r="AJ53" s="53">
        <v>4</v>
      </c>
      <c r="AK53" s="27" t="s">
        <v>259</v>
      </c>
    </row>
    <row r="54" spans="1:37" x14ac:dyDescent="0.2">
      <c r="A54" s="58"/>
      <c r="B54" s="11"/>
      <c r="C54" s="17"/>
      <c r="D54" s="13"/>
      <c r="E54" s="14"/>
      <c r="F54" s="15"/>
      <c r="G54" s="13"/>
      <c r="H54" s="13"/>
      <c r="I54" s="13"/>
      <c r="J54" s="14"/>
      <c r="K54" s="15"/>
      <c r="L54" s="13"/>
      <c r="M54" s="13"/>
      <c r="N54" s="13"/>
      <c r="O54" s="14"/>
      <c r="P54" s="12"/>
      <c r="Q54" s="52"/>
      <c r="R54" s="18"/>
    </row>
    <row r="55" spans="1:37" x14ac:dyDescent="0.2">
      <c r="A55" s="58"/>
      <c r="B55" s="11"/>
      <c r="C55" s="17"/>
      <c r="D55" s="13"/>
      <c r="E55" s="14"/>
      <c r="F55" s="15"/>
      <c r="G55" s="13"/>
      <c r="H55" s="13"/>
      <c r="I55" s="13"/>
      <c r="J55" s="14"/>
      <c r="K55" s="15"/>
      <c r="L55" s="13"/>
      <c r="M55" s="13"/>
      <c r="N55" s="13"/>
      <c r="O55" s="14"/>
      <c r="P55" s="12"/>
      <c r="Q55" s="52"/>
      <c r="R55" s="18"/>
    </row>
    <row r="56" spans="1:37" x14ac:dyDescent="0.2">
      <c r="A56" s="58"/>
      <c r="B56" s="11"/>
      <c r="C56" s="17"/>
      <c r="D56" s="13"/>
      <c r="E56" s="14"/>
      <c r="F56" s="15"/>
      <c r="G56" s="13"/>
      <c r="H56" s="13"/>
      <c r="I56" s="13"/>
      <c r="J56" s="14"/>
      <c r="K56" s="15"/>
      <c r="L56" s="13"/>
      <c r="M56" s="13"/>
      <c r="N56" s="13"/>
      <c r="O56" s="14"/>
      <c r="P56" s="12"/>
      <c r="Q56" s="52"/>
      <c r="R56" s="18"/>
    </row>
    <row r="57" spans="1:37" x14ac:dyDescent="0.2">
      <c r="A57" s="59"/>
      <c r="B57" s="21"/>
      <c r="C57" s="26"/>
      <c r="D57" s="23"/>
      <c r="E57" s="24"/>
      <c r="F57" s="25"/>
      <c r="G57" s="23"/>
      <c r="H57" s="23"/>
      <c r="I57" s="23"/>
      <c r="J57" s="24"/>
      <c r="K57" s="25"/>
      <c r="L57" s="23"/>
      <c r="M57" s="23"/>
      <c r="N57" s="23"/>
      <c r="O57" s="24"/>
      <c r="P57" s="22"/>
      <c r="Q57" s="53"/>
      <c r="R57" s="27"/>
    </row>
    <row r="58" spans="1:37" x14ac:dyDescent="0.2">
      <c r="A58" s="60"/>
      <c r="B58" s="2"/>
      <c r="C58" s="7"/>
      <c r="D58" s="4"/>
      <c r="E58" s="5"/>
      <c r="F58" s="6"/>
      <c r="G58" s="4"/>
      <c r="H58" s="4"/>
      <c r="I58" s="4"/>
      <c r="J58" s="5"/>
      <c r="K58" s="6"/>
      <c r="L58" s="4"/>
      <c r="M58" s="4"/>
      <c r="N58" s="4"/>
      <c r="O58" s="5"/>
      <c r="P58" s="3"/>
      <c r="Q58" s="51"/>
      <c r="R58" s="8"/>
    </row>
    <row r="59" spans="1:37" x14ac:dyDescent="0.2">
      <c r="A59" s="58"/>
      <c r="B59" s="11"/>
      <c r="C59" s="17"/>
      <c r="D59" s="13"/>
      <c r="E59" s="14"/>
      <c r="F59" s="15"/>
      <c r="G59" s="13"/>
      <c r="H59" s="13"/>
      <c r="I59" s="13"/>
      <c r="J59" s="14"/>
      <c r="K59" s="15"/>
      <c r="L59" s="13"/>
      <c r="M59" s="13"/>
      <c r="N59" s="13"/>
      <c r="O59" s="14"/>
      <c r="P59" s="12"/>
      <c r="Q59" s="52"/>
      <c r="R59" s="18"/>
    </row>
    <row r="60" spans="1:37" x14ac:dyDescent="0.2">
      <c r="A60" s="58"/>
      <c r="B60" s="11"/>
      <c r="C60" s="17"/>
      <c r="D60" s="13"/>
      <c r="E60" s="14"/>
      <c r="F60" s="15"/>
      <c r="G60" s="13"/>
      <c r="H60" s="13"/>
      <c r="I60" s="13"/>
      <c r="J60" s="14"/>
      <c r="K60" s="15"/>
      <c r="L60" s="13"/>
      <c r="M60" s="13"/>
      <c r="N60" s="13"/>
      <c r="O60" s="14"/>
      <c r="P60" s="12"/>
      <c r="Q60" s="52"/>
      <c r="R60" s="18"/>
    </row>
    <row r="61" spans="1:37" x14ac:dyDescent="0.2">
      <c r="A61" s="58"/>
      <c r="B61" s="11"/>
      <c r="C61" s="17"/>
      <c r="D61" s="13"/>
      <c r="E61" s="14"/>
      <c r="F61" s="15"/>
      <c r="G61" s="13"/>
      <c r="H61" s="13"/>
      <c r="I61" s="13"/>
      <c r="J61" s="14"/>
      <c r="K61" s="15"/>
      <c r="L61" s="13"/>
      <c r="M61" s="13"/>
      <c r="N61" s="13"/>
      <c r="O61" s="14"/>
      <c r="P61" s="12"/>
      <c r="Q61" s="52"/>
      <c r="R61" s="18"/>
    </row>
    <row r="62" spans="1:37" x14ac:dyDescent="0.2">
      <c r="A62" s="59"/>
      <c r="B62" s="21"/>
      <c r="C62" s="26"/>
      <c r="D62" s="23"/>
      <c r="E62" s="24"/>
      <c r="F62" s="25"/>
      <c r="G62" s="23"/>
      <c r="H62" s="23"/>
      <c r="I62" s="23"/>
      <c r="J62" s="24"/>
      <c r="K62" s="25"/>
      <c r="L62" s="23"/>
      <c r="M62" s="23"/>
      <c r="N62" s="23"/>
      <c r="O62" s="24"/>
      <c r="P62" s="22"/>
      <c r="Q62" s="53"/>
      <c r="R62" s="27"/>
    </row>
    <row r="63" spans="1:37" x14ac:dyDescent="0.2">
      <c r="A63" s="60"/>
      <c r="B63" s="2"/>
      <c r="C63" s="7"/>
      <c r="D63" s="4"/>
      <c r="E63" s="5"/>
      <c r="F63" s="6"/>
      <c r="G63" s="4"/>
      <c r="H63" s="4"/>
      <c r="I63" s="4"/>
      <c r="J63" s="5"/>
      <c r="K63" s="6"/>
      <c r="L63" s="4"/>
      <c r="M63" s="4"/>
      <c r="N63" s="4"/>
      <c r="O63" s="5"/>
      <c r="P63" s="3"/>
      <c r="Q63" s="51"/>
      <c r="R63" s="8"/>
    </row>
    <row r="64" spans="1:37" x14ac:dyDescent="0.2">
      <c r="A64" s="58"/>
      <c r="B64" s="11"/>
      <c r="C64" s="17"/>
      <c r="D64" s="13"/>
      <c r="E64" s="14"/>
      <c r="F64" s="15"/>
      <c r="G64" s="13"/>
      <c r="H64" s="13"/>
      <c r="I64" s="13"/>
      <c r="J64" s="14"/>
      <c r="K64" s="15"/>
      <c r="L64" s="13"/>
      <c r="M64" s="13"/>
      <c r="N64" s="13"/>
      <c r="O64" s="14"/>
      <c r="P64" s="12"/>
      <c r="Q64" s="52"/>
      <c r="R64" s="18"/>
    </row>
    <row r="65" spans="1:18" x14ac:dyDescent="0.2">
      <c r="A65" s="58"/>
      <c r="B65" s="11"/>
      <c r="C65" s="17"/>
      <c r="D65" s="13"/>
      <c r="E65" s="14"/>
      <c r="F65" s="15"/>
      <c r="G65" s="13"/>
      <c r="H65" s="13"/>
      <c r="I65" s="13"/>
      <c r="J65" s="14"/>
      <c r="K65" s="15"/>
      <c r="L65" s="13"/>
      <c r="M65" s="13"/>
      <c r="N65" s="13"/>
      <c r="O65" s="14"/>
      <c r="P65" s="12"/>
      <c r="Q65" s="52"/>
      <c r="R65" s="18"/>
    </row>
    <row r="66" spans="1:18" x14ac:dyDescent="0.2">
      <c r="A66" s="58"/>
      <c r="B66" s="11"/>
      <c r="C66" s="17"/>
      <c r="D66" s="13"/>
      <c r="E66" s="14"/>
      <c r="F66" s="15"/>
      <c r="G66" s="13"/>
      <c r="H66" s="13"/>
      <c r="I66" s="13"/>
      <c r="J66" s="14"/>
      <c r="K66" s="15"/>
      <c r="L66" s="13"/>
      <c r="M66" s="13"/>
      <c r="N66" s="13"/>
      <c r="O66" s="14"/>
      <c r="P66" s="12"/>
      <c r="Q66" s="52"/>
      <c r="R66" s="18"/>
    </row>
    <row r="67" spans="1:18" x14ac:dyDescent="0.2">
      <c r="A67" s="59"/>
      <c r="B67" s="21"/>
      <c r="C67" s="26"/>
      <c r="D67" s="23"/>
      <c r="E67" s="24"/>
      <c r="F67" s="25"/>
      <c r="G67" s="23"/>
      <c r="H67" s="23"/>
      <c r="I67" s="23"/>
      <c r="J67" s="24"/>
      <c r="K67" s="25"/>
      <c r="L67" s="23"/>
      <c r="M67" s="23"/>
      <c r="N67" s="23"/>
      <c r="O67" s="24"/>
      <c r="P67" s="22"/>
      <c r="Q67" s="53"/>
      <c r="R67" s="27"/>
    </row>
  </sheetData>
  <mergeCells count="16">
    <mergeCell ref="T1:AK1"/>
    <mergeCell ref="T2:T3"/>
    <mergeCell ref="U2:U3"/>
    <mergeCell ref="V2:V3"/>
    <mergeCell ref="W2:AH2"/>
    <mergeCell ref="AI2:AI3"/>
    <mergeCell ref="AJ2:AJ3"/>
    <mergeCell ref="AK2:AK3"/>
    <mergeCell ref="A1:R1"/>
    <mergeCell ref="A2:A3"/>
    <mergeCell ref="B2:B3"/>
    <mergeCell ref="C2:C3"/>
    <mergeCell ref="D2:O2"/>
    <mergeCell ref="P2:P3"/>
    <mergeCell ref="Q2:Q3"/>
    <mergeCell ref="R2:R3"/>
  </mergeCells>
  <printOptions horizontalCentered="1"/>
  <pageMargins left="0.15" right="0.15" top="0.75" bottom="0.25" header="0.55000000000000004" footer="0.05"/>
  <pageSetup paperSize="3" scale="95" fitToHeight="40" orientation="portrait" r:id="rId1"/>
  <headerFooter scaleWithDoc="0" alignWithMargins="0">
    <oddHeader>&amp;L&amp;12San Mateo - Hayward Br (Br #35-0054)&amp;C&amp;"-,Bold"&amp;12Defect Schedule&amp;R&amp;12&amp;D</oddHeader>
    <oddFooter>&amp;R&amp;10&amp;P/&amp;N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8B90B32-B1EC-4EC5-A768-4D34F1D0B794}">
  <sheetPr>
    <pageSetUpPr fitToPage="1"/>
  </sheetPr>
  <dimension ref="A1:AK53"/>
  <sheetViews>
    <sheetView view="pageBreakPreview" zoomScaleNormal="130" zoomScaleSheetLayoutView="100" workbookViewId="0">
      <selection sqref="A1:R1"/>
    </sheetView>
  </sheetViews>
  <sheetFormatPr defaultColWidth="8.7109375" defaultRowHeight="11.25" x14ac:dyDescent="0.2"/>
  <cols>
    <col min="1" max="1" width="5.42578125" style="81" customWidth="1"/>
    <col min="2" max="3" width="4.140625" style="75" customWidth="1"/>
    <col min="4" max="4" width="3.7109375" style="82" customWidth="1"/>
    <col min="5" max="5" width="3.7109375" style="83" customWidth="1"/>
    <col min="6" max="6" width="3.7109375" style="84" customWidth="1"/>
    <col min="7" max="9" width="3.7109375" style="82" customWidth="1"/>
    <col min="10" max="10" width="3.7109375" style="83" customWidth="1"/>
    <col min="11" max="11" width="3.7109375" style="84" customWidth="1"/>
    <col min="12" max="14" width="3.7109375" style="82" customWidth="1"/>
    <col min="15" max="15" width="4" style="83" customWidth="1"/>
    <col min="16" max="16" width="3.7109375" style="74" customWidth="1"/>
    <col min="17" max="17" width="3.7109375" style="85" customWidth="1"/>
    <col min="18" max="18" width="3.7109375" style="86" customWidth="1"/>
    <col min="19" max="19" width="3.42578125" style="71" customWidth="1"/>
    <col min="20" max="20" width="5.42578125" style="78" customWidth="1"/>
    <col min="21" max="22" width="4.140625" style="78" customWidth="1"/>
    <col min="23" max="33" width="3.7109375" style="78" customWidth="1"/>
    <col min="34" max="34" width="4" style="78" customWidth="1"/>
    <col min="35" max="37" width="3.7109375" style="78" customWidth="1"/>
    <col min="38" max="38" width="8.7109375" style="78"/>
    <col min="39" max="39" width="2.7109375" style="78" bestFit="1" customWidth="1"/>
    <col min="40" max="40" width="3.5703125" style="78" bestFit="1" customWidth="1"/>
    <col min="41" max="41" width="8.7109375" style="78"/>
    <col min="42" max="42" width="2.7109375" style="78" bestFit="1" customWidth="1"/>
    <col min="43" max="43" width="3.5703125" style="78" bestFit="1" customWidth="1"/>
    <col min="44" max="16384" width="8.7109375" style="78"/>
  </cols>
  <sheetData>
    <row r="1" spans="1:37" s="75" customFormat="1" ht="12" customHeight="1" x14ac:dyDescent="0.25">
      <c r="A1" s="73" t="s">
        <v>5</v>
      </c>
      <c r="B1" s="73"/>
      <c r="C1" s="73"/>
      <c r="D1" s="73"/>
      <c r="E1" s="73"/>
      <c r="F1" s="73"/>
      <c r="G1" s="73"/>
      <c r="H1" s="73"/>
      <c r="I1" s="73"/>
      <c r="J1" s="73"/>
      <c r="K1" s="73"/>
      <c r="L1" s="73"/>
      <c r="M1" s="73"/>
      <c r="N1" s="73"/>
      <c r="O1" s="73"/>
      <c r="P1" s="73"/>
      <c r="Q1" s="73"/>
      <c r="R1" s="73"/>
      <c r="S1" s="74"/>
      <c r="T1" s="73" t="s">
        <v>5</v>
      </c>
      <c r="U1" s="73"/>
      <c r="V1" s="73"/>
      <c r="W1" s="73"/>
      <c r="X1" s="73"/>
      <c r="Y1" s="73"/>
      <c r="Z1" s="73"/>
      <c r="AA1" s="73"/>
      <c r="AB1" s="73"/>
      <c r="AC1" s="73"/>
      <c r="AD1" s="73"/>
      <c r="AE1" s="73"/>
      <c r="AF1" s="73"/>
      <c r="AG1" s="73"/>
      <c r="AH1" s="73"/>
      <c r="AI1" s="73"/>
      <c r="AJ1" s="73"/>
      <c r="AK1" s="73"/>
    </row>
    <row r="2" spans="1:37" s="75" customFormat="1" ht="15" customHeight="1" x14ac:dyDescent="0.25">
      <c r="A2" s="76" t="s">
        <v>1103</v>
      </c>
      <c r="B2" s="76" t="s">
        <v>1104</v>
      </c>
      <c r="C2" s="73" t="s">
        <v>6</v>
      </c>
      <c r="D2" s="73" t="s">
        <v>260</v>
      </c>
      <c r="E2" s="73"/>
      <c r="F2" s="73"/>
      <c r="G2" s="73"/>
      <c r="H2" s="73"/>
      <c r="I2" s="73"/>
      <c r="J2" s="73"/>
      <c r="K2" s="73"/>
      <c r="L2" s="73"/>
      <c r="M2" s="73"/>
      <c r="N2" s="73"/>
      <c r="O2" s="73"/>
      <c r="P2" s="73" t="s">
        <v>7</v>
      </c>
      <c r="Q2" s="72" t="s">
        <v>8</v>
      </c>
      <c r="R2" s="72" t="s">
        <v>1105</v>
      </c>
      <c r="S2" s="74"/>
      <c r="T2" s="76" t="s">
        <v>1103</v>
      </c>
      <c r="U2" s="76" t="s">
        <v>1104</v>
      </c>
      <c r="V2" s="73" t="s">
        <v>6</v>
      </c>
      <c r="W2" s="73" t="s">
        <v>260</v>
      </c>
      <c r="X2" s="73"/>
      <c r="Y2" s="73"/>
      <c r="Z2" s="73"/>
      <c r="AA2" s="73"/>
      <c r="AB2" s="73"/>
      <c r="AC2" s="73"/>
      <c r="AD2" s="73"/>
      <c r="AE2" s="73"/>
      <c r="AF2" s="73"/>
      <c r="AG2" s="73"/>
      <c r="AH2" s="73"/>
      <c r="AI2" s="73" t="s">
        <v>7</v>
      </c>
      <c r="AJ2" s="72" t="s">
        <v>8</v>
      </c>
      <c r="AK2" s="72" t="s">
        <v>1105</v>
      </c>
    </row>
    <row r="3" spans="1:37" ht="25.5" customHeight="1" x14ac:dyDescent="0.2">
      <c r="A3" s="76"/>
      <c r="B3" s="76"/>
      <c r="C3" s="73"/>
      <c r="D3" s="77">
        <v>12</v>
      </c>
      <c r="E3" s="77">
        <v>11</v>
      </c>
      <c r="F3" s="77">
        <v>10</v>
      </c>
      <c r="G3" s="77">
        <v>9</v>
      </c>
      <c r="H3" s="77">
        <v>8</v>
      </c>
      <c r="I3" s="77">
        <v>7</v>
      </c>
      <c r="J3" s="77">
        <v>6</v>
      </c>
      <c r="K3" s="77">
        <v>5</v>
      </c>
      <c r="L3" s="77">
        <v>4</v>
      </c>
      <c r="M3" s="77">
        <v>3</v>
      </c>
      <c r="N3" s="77">
        <v>2</v>
      </c>
      <c r="O3" s="77">
        <v>1</v>
      </c>
      <c r="P3" s="73"/>
      <c r="Q3" s="72"/>
      <c r="R3" s="72"/>
      <c r="T3" s="76"/>
      <c r="U3" s="76"/>
      <c r="V3" s="73"/>
      <c r="W3" s="77">
        <v>12</v>
      </c>
      <c r="X3" s="77">
        <v>11</v>
      </c>
      <c r="Y3" s="77">
        <v>10</v>
      </c>
      <c r="Z3" s="77">
        <v>9</v>
      </c>
      <c r="AA3" s="77">
        <v>8</v>
      </c>
      <c r="AB3" s="77">
        <v>7</v>
      </c>
      <c r="AC3" s="77">
        <v>6</v>
      </c>
      <c r="AD3" s="77">
        <v>5</v>
      </c>
      <c r="AE3" s="77">
        <v>4</v>
      </c>
      <c r="AF3" s="77">
        <v>3</v>
      </c>
      <c r="AG3" s="77">
        <v>2</v>
      </c>
      <c r="AH3" s="77">
        <v>1</v>
      </c>
      <c r="AI3" s="73"/>
      <c r="AJ3" s="72"/>
      <c r="AK3" s="72"/>
    </row>
    <row r="4" spans="1:37" x14ac:dyDescent="0.2">
      <c r="A4" s="63" t="s">
        <v>979</v>
      </c>
      <c r="B4" s="44">
        <v>44</v>
      </c>
      <c r="C4" s="49"/>
      <c r="D4" s="46"/>
      <c r="E4" s="47"/>
      <c r="F4" s="48"/>
      <c r="G4" s="46"/>
      <c r="H4" s="46"/>
      <c r="I4" s="46"/>
      <c r="J4" s="47"/>
      <c r="K4" s="48"/>
      <c r="L4" s="46"/>
      <c r="M4" s="46"/>
      <c r="N4" s="46"/>
      <c r="O4" s="47"/>
      <c r="P4" s="49"/>
      <c r="Q4" s="56"/>
      <c r="R4" s="50"/>
      <c r="T4" s="63" t="s">
        <v>952</v>
      </c>
      <c r="U4" s="44">
        <v>18</v>
      </c>
      <c r="V4" s="45"/>
      <c r="W4" s="46"/>
      <c r="X4" s="47"/>
      <c r="Y4" s="48"/>
      <c r="Z4" s="46"/>
      <c r="AA4" s="46"/>
      <c r="AB4" s="46"/>
      <c r="AC4" s="47"/>
      <c r="AD4" s="48"/>
      <c r="AE4" s="46"/>
      <c r="AF4" s="46"/>
      <c r="AG4" s="46"/>
      <c r="AH4" s="47"/>
      <c r="AI4" s="49"/>
      <c r="AJ4" s="56"/>
      <c r="AK4" s="50"/>
    </row>
    <row r="5" spans="1:37" x14ac:dyDescent="0.2">
      <c r="A5" s="58" t="s">
        <v>978</v>
      </c>
      <c r="B5" s="10">
        <v>31</v>
      </c>
      <c r="C5" s="12"/>
      <c r="D5" s="13"/>
      <c r="E5" s="14"/>
      <c r="F5" s="15"/>
      <c r="G5" s="13"/>
      <c r="H5" s="13"/>
      <c r="I5" s="13"/>
      <c r="J5" s="14"/>
      <c r="K5" s="15"/>
      <c r="L5" s="13"/>
      <c r="M5" s="13"/>
      <c r="N5" s="13"/>
      <c r="O5" s="14"/>
      <c r="P5" s="12"/>
      <c r="Q5" s="52"/>
      <c r="R5" s="18"/>
      <c r="T5" s="58">
        <v>445</v>
      </c>
      <c r="U5" s="10" t="s">
        <v>259</v>
      </c>
      <c r="V5" s="12"/>
      <c r="W5" s="13"/>
      <c r="X5" s="14"/>
      <c r="Y5" s="15"/>
      <c r="Z5" s="13"/>
      <c r="AA5" s="13"/>
      <c r="AB5" s="13" t="s">
        <v>1</v>
      </c>
      <c r="AC5" s="14"/>
      <c r="AD5" s="15"/>
      <c r="AE5" s="13"/>
      <c r="AF5" s="13"/>
      <c r="AG5" s="13"/>
      <c r="AH5" s="14"/>
      <c r="AI5" s="12"/>
      <c r="AJ5" s="52">
        <v>8</v>
      </c>
      <c r="AK5" s="18" t="s">
        <v>259</v>
      </c>
    </row>
    <row r="6" spans="1:37" x14ac:dyDescent="0.2">
      <c r="A6" s="58" t="s">
        <v>977</v>
      </c>
      <c r="B6" s="10">
        <v>39</v>
      </c>
      <c r="C6" s="12"/>
      <c r="D6" s="13"/>
      <c r="E6" s="14"/>
      <c r="F6" s="15"/>
      <c r="G6" s="13"/>
      <c r="H6" s="13"/>
      <c r="I6" s="13"/>
      <c r="J6" s="14"/>
      <c r="K6" s="15"/>
      <c r="L6" s="13"/>
      <c r="M6" s="13"/>
      <c r="N6" s="13"/>
      <c r="O6" s="14"/>
      <c r="P6" s="12"/>
      <c r="Q6" s="52"/>
      <c r="R6" s="18"/>
      <c r="T6" s="58" t="s">
        <v>61</v>
      </c>
      <c r="U6" s="10" t="s">
        <v>259</v>
      </c>
      <c r="V6" s="12"/>
      <c r="W6" s="13"/>
      <c r="X6" s="14"/>
      <c r="Y6" s="15"/>
      <c r="Z6" s="13"/>
      <c r="AA6" s="13"/>
      <c r="AB6" s="13"/>
      <c r="AC6" s="14"/>
      <c r="AD6" s="15"/>
      <c r="AE6" s="13" t="s">
        <v>0</v>
      </c>
      <c r="AF6" s="13" t="s">
        <v>0</v>
      </c>
      <c r="AG6" s="13"/>
      <c r="AH6" s="14"/>
      <c r="AI6" s="12"/>
      <c r="AJ6" s="52">
        <v>8</v>
      </c>
      <c r="AK6" s="18" t="s">
        <v>259</v>
      </c>
    </row>
    <row r="7" spans="1:37" x14ac:dyDescent="0.2">
      <c r="A7" s="58" t="s">
        <v>976</v>
      </c>
      <c r="B7" s="10">
        <v>44</v>
      </c>
      <c r="C7" s="12"/>
      <c r="D7" s="13"/>
      <c r="E7" s="14"/>
      <c r="F7" s="15"/>
      <c r="G7" s="13"/>
      <c r="H7" s="13"/>
      <c r="I7" s="13"/>
      <c r="J7" s="14"/>
      <c r="K7" s="15"/>
      <c r="L7" s="13"/>
      <c r="M7" s="13"/>
      <c r="N7" s="13"/>
      <c r="O7" s="14"/>
      <c r="P7" s="12"/>
      <c r="Q7" s="52"/>
      <c r="R7" s="18"/>
      <c r="T7" s="58" t="s">
        <v>951</v>
      </c>
      <c r="U7" s="32">
        <v>27</v>
      </c>
      <c r="V7" s="17"/>
      <c r="W7" s="34"/>
      <c r="X7" s="35"/>
      <c r="Y7" s="36"/>
      <c r="Z7" s="34"/>
      <c r="AA7" s="34"/>
      <c r="AB7" s="34"/>
      <c r="AC7" s="35"/>
      <c r="AD7" s="36"/>
      <c r="AE7" s="34"/>
      <c r="AF7" s="34"/>
      <c r="AG7" s="34"/>
      <c r="AH7" s="35"/>
      <c r="AI7" s="17"/>
      <c r="AJ7" s="52"/>
      <c r="AK7" s="18"/>
    </row>
    <row r="8" spans="1:37" x14ac:dyDescent="0.2">
      <c r="A8" s="59" t="s">
        <v>50</v>
      </c>
      <c r="B8" s="20" t="s">
        <v>259</v>
      </c>
      <c r="C8" s="22"/>
      <c r="D8" s="23"/>
      <c r="E8" s="24"/>
      <c r="F8" s="25"/>
      <c r="G8" s="23"/>
      <c r="H8" s="23"/>
      <c r="I8" s="23"/>
      <c r="J8" s="24"/>
      <c r="K8" s="25"/>
      <c r="L8" s="23"/>
      <c r="M8" s="23" t="s">
        <v>0</v>
      </c>
      <c r="N8" s="23"/>
      <c r="O8" s="24"/>
      <c r="P8" s="22"/>
      <c r="Q8" s="53">
        <v>4</v>
      </c>
      <c r="R8" s="27" t="s">
        <v>259</v>
      </c>
      <c r="T8" s="59" t="s">
        <v>950</v>
      </c>
      <c r="U8" s="29">
        <v>31</v>
      </c>
      <c r="V8" s="26"/>
      <c r="W8" s="37"/>
      <c r="X8" s="38"/>
      <c r="Y8" s="39"/>
      <c r="Z8" s="37"/>
      <c r="AA8" s="37"/>
      <c r="AB8" s="37"/>
      <c r="AC8" s="38"/>
      <c r="AD8" s="39"/>
      <c r="AE8" s="37"/>
      <c r="AF8" s="37"/>
      <c r="AG8" s="37"/>
      <c r="AH8" s="38"/>
      <c r="AI8" s="26"/>
      <c r="AJ8" s="53"/>
      <c r="AK8" s="27"/>
    </row>
    <row r="9" spans="1:37" x14ac:dyDescent="0.2">
      <c r="A9" s="60" t="s">
        <v>49</v>
      </c>
      <c r="B9" s="1" t="s">
        <v>259</v>
      </c>
      <c r="C9" s="3"/>
      <c r="D9" s="4"/>
      <c r="E9" s="5"/>
      <c r="F9" s="6"/>
      <c r="G9" s="4"/>
      <c r="H9" s="4"/>
      <c r="I9" s="4"/>
      <c r="J9" s="5" t="s">
        <v>0</v>
      </c>
      <c r="K9" s="6"/>
      <c r="L9" s="4"/>
      <c r="M9" s="4"/>
      <c r="N9" s="4"/>
      <c r="O9" s="5"/>
      <c r="P9" s="3"/>
      <c r="Q9" s="51">
        <v>4</v>
      </c>
      <c r="R9" s="8" t="s">
        <v>259</v>
      </c>
      <c r="T9" s="60" t="s">
        <v>62</v>
      </c>
      <c r="U9" s="1" t="s">
        <v>259</v>
      </c>
      <c r="V9" s="3"/>
      <c r="W9" s="4"/>
      <c r="X9" s="5"/>
      <c r="Y9" s="6"/>
      <c r="Z9" s="4"/>
      <c r="AA9" s="4"/>
      <c r="AB9" s="4"/>
      <c r="AC9" s="5"/>
      <c r="AD9" s="6" t="s">
        <v>1</v>
      </c>
      <c r="AE9" s="4"/>
      <c r="AF9" s="4"/>
      <c r="AG9" s="4"/>
      <c r="AH9" s="5"/>
      <c r="AI9" s="3"/>
      <c r="AJ9" s="51">
        <v>1</v>
      </c>
      <c r="AK9" s="8" t="s">
        <v>259</v>
      </c>
    </row>
    <row r="10" spans="1:37" x14ac:dyDescent="0.2">
      <c r="A10" s="58" t="s">
        <v>975</v>
      </c>
      <c r="B10" s="10">
        <v>36</v>
      </c>
      <c r="C10" s="12"/>
      <c r="D10" s="13"/>
      <c r="E10" s="14"/>
      <c r="F10" s="15"/>
      <c r="G10" s="13"/>
      <c r="H10" s="13"/>
      <c r="I10" s="13"/>
      <c r="J10" s="14"/>
      <c r="K10" s="15"/>
      <c r="L10" s="13"/>
      <c r="M10" s="13"/>
      <c r="N10" s="13"/>
      <c r="O10" s="14"/>
      <c r="P10" s="12"/>
      <c r="Q10" s="52"/>
      <c r="R10" s="18"/>
      <c r="T10" s="58" t="s">
        <v>949</v>
      </c>
      <c r="U10" s="10">
        <v>40</v>
      </c>
      <c r="V10" s="17"/>
      <c r="W10" s="13"/>
      <c r="X10" s="14"/>
      <c r="Y10" s="15"/>
      <c r="Z10" s="13"/>
      <c r="AA10" s="13"/>
      <c r="AB10" s="13"/>
      <c r="AC10" s="14"/>
      <c r="AD10" s="15"/>
      <c r="AE10" s="13"/>
      <c r="AF10" s="13"/>
      <c r="AG10" s="13"/>
      <c r="AH10" s="14"/>
      <c r="AI10" s="12"/>
      <c r="AJ10" s="52"/>
      <c r="AK10" s="18"/>
    </row>
    <row r="11" spans="1:37" x14ac:dyDescent="0.2">
      <c r="A11" s="58">
        <v>422</v>
      </c>
      <c r="B11" s="10" t="s">
        <v>259</v>
      </c>
      <c r="C11" s="12"/>
      <c r="D11" s="13"/>
      <c r="E11" s="14"/>
      <c r="F11" s="15"/>
      <c r="G11" s="13"/>
      <c r="H11" s="13"/>
      <c r="I11" s="13"/>
      <c r="J11" s="14"/>
      <c r="K11" s="15" t="s">
        <v>1</v>
      </c>
      <c r="L11" s="13"/>
      <c r="M11" s="13"/>
      <c r="N11" s="13"/>
      <c r="O11" s="14"/>
      <c r="P11" s="12"/>
      <c r="Q11" s="52">
        <v>4</v>
      </c>
      <c r="R11" s="18" t="s">
        <v>259</v>
      </c>
      <c r="T11" s="58" t="s">
        <v>948</v>
      </c>
      <c r="U11" s="10">
        <v>36</v>
      </c>
      <c r="V11" s="12"/>
      <c r="W11" s="13"/>
      <c r="X11" s="14"/>
      <c r="Y11" s="15"/>
      <c r="Z11" s="13"/>
      <c r="AA11" s="13"/>
      <c r="AB11" s="13"/>
      <c r="AC11" s="14"/>
      <c r="AD11" s="15"/>
      <c r="AE11" s="13"/>
      <c r="AF11" s="13"/>
      <c r="AG11" s="13"/>
      <c r="AH11" s="14"/>
      <c r="AI11" s="12"/>
      <c r="AJ11" s="52"/>
      <c r="AK11" s="18"/>
    </row>
    <row r="12" spans="1:37" x14ac:dyDescent="0.2">
      <c r="A12" s="58" t="s">
        <v>974</v>
      </c>
      <c r="B12" s="10">
        <v>36</v>
      </c>
      <c r="C12" s="12"/>
      <c r="D12" s="13"/>
      <c r="E12" s="14"/>
      <c r="F12" s="15"/>
      <c r="G12" s="13"/>
      <c r="H12" s="13"/>
      <c r="I12" s="13"/>
      <c r="J12" s="14"/>
      <c r="K12" s="15"/>
      <c r="L12" s="13"/>
      <c r="M12" s="13"/>
      <c r="N12" s="13"/>
      <c r="O12" s="14"/>
      <c r="P12" s="12"/>
      <c r="Q12" s="52"/>
      <c r="R12" s="18"/>
      <c r="T12" s="58">
        <v>449</v>
      </c>
      <c r="U12" s="10" t="s">
        <v>259</v>
      </c>
      <c r="V12" s="12"/>
      <c r="W12" s="13"/>
      <c r="X12" s="14"/>
      <c r="Y12" s="15"/>
      <c r="Z12" s="13"/>
      <c r="AA12" s="13"/>
      <c r="AB12" s="13"/>
      <c r="AC12" s="14" t="s">
        <v>1</v>
      </c>
      <c r="AD12" s="15"/>
      <c r="AE12" s="13"/>
      <c r="AF12" s="13"/>
      <c r="AG12" s="13"/>
      <c r="AH12" s="14"/>
      <c r="AI12" s="12"/>
      <c r="AJ12" s="52">
        <v>6</v>
      </c>
      <c r="AK12" s="18" t="s">
        <v>259</v>
      </c>
    </row>
    <row r="13" spans="1:37" x14ac:dyDescent="0.2">
      <c r="A13" s="59" t="s">
        <v>51</v>
      </c>
      <c r="B13" s="20" t="s">
        <v>259</v>
      </c>
      <c r="C13" s="22"/>
      <c r="D13" s="23"/>
      <c r="E13" s="24"/>
      <c r="F13" s="25"/>
      <c r="G13" s="23"/>
      <c r="H13" s="23"/>
      <c r="I13" s="23"/>
      <c r="J13" s="24"/>
      <c r="K13" s="25"/>
      <c r="L13" s="23" t="s">
        <v>0</v>
      </c>
      <c r="M13" s="23" t="s">
        <v>0</v>
      </c>
      <c r="N13" s="23"/>
      <c r="O13" s="24"/>
      <c r="P13" s="22"/>
      <c r="Q13" s="53">
        <v>8</v>
      </c>
      <c r="R13" s="27" t="s">
        <v>259</v>
      </c>
      <c r="T13" s="59" t="s">
        <v>947</v>
      </c>
      <c r="U13" s="20">
        <v>27</v>
      </c>
      <c r="V13" s="22"/>
      <c r="W13" s="23"/>
      <c r="X13" s="24"/>
      <c r="Y13" s="25"/>
      <c r="Z13" s="23"/>
      <c r="AA13" s="23"/>
      <c r="AB13" s="23"/>
      <c r="AC13" s="24"/>
      <c r="AD13" s="25"/>
      <c r="AE13" s="23"/>
      <c r="AF13" s="23"/>
      <c r="AG13" s="23"/>
      <c r="AH13" s="24"/>
      <c r="AI13" s="22"/>
      <c r="AJ13" s="53"/>
      <c r="AK13" s="27"/>
    </row>
    <row r="14" spans="1:37" x14ac:dyDescent="0.2">
      <c r="A14" s="60" t="s">
        <v>973</v>
      </c>
      <c r="B14" s="1">
        <v>40</v>
      </c>
      <c r="C14" s="3"/>
      <c r="D14" s="4"/>
      <c r="E14" s="5"/>
      <c r="F14" s="6"/>
      <c r="G14" s="4"/>
      <c r="H14" s="4"/>
      <c r="I14" s="4"/>
      <c r="J14" s="5"/>
      <c r="K14" s="6"/>
      <c r="L14" s="4"/>
      <c r="M14" s="4"/>
      <c r="N14" s="4"/>
      <c r="O14" s="5"/>
      <c r="P14" s="3"/>
      <c r="Q14" s="51"/>
      <c r="R14" s="8"/>
      <c r="T14" s="60" t="s">
        <v>946</v>
      </c>
      <c r="U14" s="1">
        <v>49</v>
      </c>
      <c r="V14" s="3"/>
      <c r="W14" s="4"/>
      <c r="X14" s="5"/>
      <c r="Y14" s="6"/>
      <c r="Z14" s="4"/>
      <c r="AA14" s="4"/>
      <c r="AB14" s="4"/>
      <c r="AC14" s="5"/>
      <c r="AD14" s="6"/>
      <c r="AE14" s="4"/>
      <c r="AF14" s="4"/>
      <c r="AG14" s="4"/>
      <c r="AH14" s="5"/>
      <c r="AI14" s="3"/>
      <c r="AJ14" s="51"/>
      <c r="AK14" s="8"/>
    </row>
    <row r="15" spans="1:37" x14ac:dyDescent="0.2">
      <c r="A15" s="58">
        <v>424</v>
      </c>
      <c r="B15" s="10" t="s">
        <v>259</v>
      </c>
      <c r="C15" s="12"/>
      <c r="D15" s="13"/>
      <c r="E15" s="14"/>
      <c r="F15" s="15"/>
      <c r="G15" s="13"/>
      <c r="H15" s="13"/>
      <c r="I15" s="13"/>
      <c r="J15" s="14"/>
      <c r="K15" s="15"/>
      <c r="L15" s="13"/>
      <c r="M15" s="13"/>
      <c r="N15" s="13"/>
      <c r="O15" s="14" t="s">
        <v>1</v>
      </c>
      <c r="P15" s="12"/>
      <c r="Q15" s="52">
        <v>1</v>
      </c>
      <c r="R15" s="18" t="s">
        <v>259</v>
      </c>
      <c r="T15" s="58" t="s">
        <v>945</v>
      </c>
      <c r="U15" s="10">
        <v>60</v>
      </c>
      <c r="V15" s="12"/>
      <c r="W15" s="13"/>
      <c r="X15" s="14"/>
      <c r="Y15" s="15"/>
      <c r="Z15" s="13"/>
      <c r="AA15" s="13"/>
      <c r="AB15" s="13"/>
      <c r="AC15" s="14"/>
      <c r="AD15" s="15"/>
      <c r="AE15" s="13"/>
      <c r="AF15" s="13"/>
      <c r="AG15" s="13"/>
      <c r="AH15" s="14"/>
      <c r="AI15" s="12"/>
      <c r="AJ15" s="52"/>
      <c r="AK15" s="18"/>
    </row>
    <row r="16" spans="1:37" x14ac:dyDescent="0.2">
      <c r="A16" s="61" t="s">
        <v>972</v>
      </c>
      <c r="B16" s="10">
        <v>36</v>
      </c>
      <c r="C16" s="12"/>
      <c r="D16" s="13"/>
      <c r="E16" s="14"/>
      <c r="F16" s="15"/>
      <c r="G16" s="13"/>
      <c r="H16" s="13"/>
      <c r="I16" s="13"/>
      <c r="J16" s="14"/>
      <c r="K16" s="15"/>
      <c r="L16" s="13"/>
      <c r="M16" s="13"/>
      <c r="N16" s="13"/>
      <c r="O16" s="14"/>
      <c r="P16" s="12"/>
      <c r="Q16" s="52"/>
      <c r="R16" s="18"/>
      <c r="T16" s="58">
        <v>452</v>
      </c>
      <c r="U16" s="10" t="s">
        <v>259</v>
      </c>
      <c r="V16" s="12"/>
      <c r="W16" s="13"/>
      <c r="X16" s="14"/>
      <c r="Y16" s="15"/>
      <c r="Z16" s="13"/>
      <c r="AA16" s="13"/>
      <c r="AB16" s="13"/>
      <c r="AC16" s="14"/>
      <c r="AD16" s="15"/>
      <c r="AE16" s="13"/>
      <c r="AF16" s="13" t="s">
        <v>2</v>
      </c>
      <c r="AG16" s="13"/>
      <c r="AH16" s="14"/>
      <c r="AI16" s="12"/>
      <c r="AJ16" s="52" t="s">
        <v>259</v>
      </c>
      <c r="AK16" s="18">
        <v>4</v>
      </c>
    </row>
    <row r="17" spans="1:37" x14ac:dyDescent="0.2">
      <c r="A17" s="58" t="s">
        <v>52</v>
      </c>
      <c r="B17" s="10" t="s">
        <v>259</v>
      </c>
      <c r="C17" s="12"/>
      <c r="D17" s="13"/>
      <c r="E17" s="14"/>
      <c r="F17" s="15"/>
      <c r="G17" s="13"/>
      <c r="H17" s="13"/>
      <c r="I17" s="13"/>
      <c r="J17" s="14"/>
      <c r="K17" s="15"/>
      <c r="L17" s="13"/>
      <c r="M17" s="13"/>
      <c r="N17" s="13" t="s">
        <v>0</v>
      </c>
      <c r="O17" s="14" t="s">
        <v>0</v>
      </c>
      <c r="P17" s="12"/>
      <c r="Q17" s="52">
        <v>8</v>
      </c>
      <c r="R17" s="18" t="s">
        <v>259</v>
      </c>
      <c r="T17" s="58">
        <v>452</v>
      </c>
      <c r="U17" s="10" t="s">
        <v>259</v>
      </c>
      <c r="V17" s="12"/>
      <c r="W17" s="13"/>
      <c r="X17" s="14"/>
      <c r="Y17" s="15"/>
      <c r="Z17" s="13"/>
      <c r="AA17" s="13"/>
      <c r="AB17" s="13"/>
      <c r="AC17" s="14"/>
      <c r="AD17" s="15"/>
      <c r="AE17" s="13"/>
      <c r="AF17" s="13"/>
      <c r="AG17" s="13" t="s">
        <v>3</v>
      </c>
      <c r="AH17" s="14"/>
      <c r="AI17" s="12"/>
      <c r="AJ17" s="52">
        <v>2</v>
      </c>
      <c r="AK17" s="18" t="s">
        <v>259</v>
      </c>
    </row>
    <row r="18" spans="1:37" x14ac:dyDescent="0.2">
      <c r="A18" s="59" t="s">
        <v>971</v>
      </c>
      <c r="B18" s="20">
        <v>9</v>
      </c>
      <c r="C18" s="22"/>
      <c r="D18" s="23"/>
      <c r="E18" s="24"/>
      <c r="F18" s="25"/>
      <c r="G18" s="23"/>
      <c r="H18" s="23"/>
      <c r="I18" s="23"/>
      <c r="J18" s="24"/>
      <c r="K18" s="25"/>
      <c r="L18" s="23"/>
      <c r="M18" s="23"/>
      <c r="N18" s="23"/>
      <c r="O18" s="24"/>
      <c r="P18" s="22"/>
      <c r="Q18" s="53"/>
      <c r="R18" s="27"/>
      <c r="T18" s="59" t="s">
        <v>944</v>
      </c>
      <c r="U18" s="20">
        <v>49</v>
      </c>
      <c r="V18" s="22"/>
      <c r="W18" s="23"/>
      <c r="X18" s="24"/>
      <c r="Y18" s="25"/>
      <c r="Z18" s="23"/>
      <c r="AA18" s="23"/>
      <c r="AB18" s="23"/>
      <c r="AC18" s="24"/>
      <c r="AD18" s="25"/>
      <c r="AE18" s="23"/>
      <c r="AF18" s="23"/>
      <c r="AG18" s="23"/>
      <c r="AH18" s="24"/>
      <c r="AI18" s="22"/>
      <c r="AJ18" s="53"/>
      <c r="AK18" s="27"/>
    </row>
    <row r="19" spans="1:37" x14ac:dyDescent="0.2">
      <c r="A19" s="57" t="s">
        <v>970</v>
      </c>
      <c r="B19" s="1">
        <v>40</v>
      </c>
      <c r="C19" s="3"/>
      <c r="D19" s="4"/>
      <c r="E19" s="5"/>
      <c r="F19" s="6"/>
      <c r="G19" s="4"/>
      <c r="H19" s="4"/>
      <c r="I19" s="4"/>
      <c r="J19" s="5"/>
      <c r="K19" s="6"/>
      <c r="L19" s="4"/>
      <c r="M19" s="4"/>
      <c r="N19" s="4"/>
      <c r="O19" s="5"/>
      <c r="P19" s="3"/>
      <c r="Q19" s="51"/>
      <c r="R19" s="8"/>
      <c r="T19" s="60">
        <v>453</v>
      </c>
      <c r="U19" s="1" t="s">
        <v>259</v>
      </c>
      <c r="V19" s="3"/>
      <c r="W19" s="4"/>
      <c r="X19" s="5"/>
      <c r="Y19" s="6"/>
      <c r="Z19" s="4"/>
      <c r="AA19" s="4"/>
      <c r="AB19" s="4"/>
      <c r="AC19" s="5" t="s">
        <v>1</v>
      </c>
      <c r="AD19" s="6"/>
      <c r="AE19" s="4"/>
      <c r="AF19" s="4"/>
      <c r="AG19" s="4"/>
      <c r="AH19" s="5"/>
      <c r="AI19" s="3"/>
      <c r="AJ19" s="51">
        <v>5</v>
      </c>
      <c r="AK19" s="8" t="s">
        <v>259</v>
      </c>
    </row>
    <row r="20" spans="1:37" x14ac:dyDescent="0.2">
      <c r="A20" s="58">
        <v>427</v>
      </c>
      <c r="B20" s="10" t="s">
        <v>259</v>
      </c>
      <c r="C20" s="12"/>
      <c r="D20" s="13"/>
      <c r="E20" s="14"/>
      <c r="F20" s="15"/>
      <c r="G20" s="13"/>
      <c r="H20" s="13"/>
      <c r="I20" s="13"/>
      <c r="J20" s="14"/>
      <c r="K20" s="15"/>
      <c r="L20" s="13"/>
      <c r="M20" s="13" t="s">
        <v>1</v>
      </c>
      <c r="N20" s="13"/>
      <c r="O20" s="14"/>
      <c r="P20" s="12"/>
      <c r="Q20" s="52">
        <v>4</v>
      </c>
      <c r="R20" s="18" t="s">
        <v>259</v>
      </c>
      <c r="T20" s="58" t="s">
        <v>943</v>
      </c>
      <c r="U20" s="10">
        <v>52</v>
      </c>
      <c r="V20" s="12"/>
      <c r="W20" s="13"/>
      <c r="X20" s="14"/>
      <c r="Y20" s="15"/>
      <c r="Z20" s="13"/>
      <c r="AA20" s="13"/>
      <c r="AB20" s="13"/>
      <c r="AC20" s="14"/>
      <c r="AD20" s="15"/>
      <c r="AE20" s="13"/>
      <c r="AF20" s="13"/>
      <c r="AG20" s="13"/>
      <c r="AH20" s="14"/>
      <c r="AI20" s="12"/>
      <c r="AJ20" s="52"/>
      <c r="AK20" s="18"/>
    </row>
    <row r="21" spans="1:37" x14ac:dyDescent="0.2">
      <c r="A21" s="58" t="s">
        <v>969</v>
      </c>
      <c r="B21" s="10">
        <v>31</v>
      </c>
      <c r="C21" s="17"/>
      <c r="D21" s="13"/>
      <c r="E21" s="14"/>
      <c r="F21" s="15"/>
      <c r="G21" s="13"/>
      <c r="H21" s="13"/>
      <c r="I21" s="13"/>
      <c r="J21" s="14"/>
      <c r="K21" s="15"/>
      <c r="L21" s="13"/>
      <c r="M21" s="13"/>
      <c r="N21" s="13"/>
      <c r="O21" s="14"/>
      <c r="P21" s="12"/>
      <c r="Q21" s="52"/>
      <c r="R21" s="18"/>
      <c r="T21" s="58" t="s">
        <v>942</v>
      </c>
      <c r="U21" s="10">
        <v>36</v>
      </c>
      <c r="V21" s="12"/>
      <c r="W21" s="13"/>
      <c r="X21" s="14"/>
      <c r="Y21" s="15"/>
      <c r="Z21" s="13"/>
      <c r="AA21" s="13"/>
      <c r="AB21" s="13"/>
      <c r="AC21" s="14"/>
      <c r="AD21" s="15"/>
      <c r="AE21" s="13"/>
      <c r="AF21" s="13"/>
      <c r="AG21" s="13"/>
      <c r="AH21" s="14"/>
      <c r="AI21" s="12"/>
      <c r="AJ21" s="52"/>
      <c r="AK21" s="18"/>
    </row>
    <row r="22" spans="1:37" x14ac:dyDescent="0.2">
      <c r="A22" s="58">
        <v>428</v>
      </c>
      <c r="B22" s="10" t="s">
        <v>259</v>
      </c>
      <c r="C22" s="12"/>
      <c r="D22" s="13"/>
      <c r="E22" s="14"/>
      <c r="F22" s="15"/>
      <c r="G22" s="13"/>
      <c r="H22" s="13"/>
      <c r="I22" s="13"/>
      <c r="J22" s="14"/>
      <c r="K22" s="15"/>
      <c r="L22" s="13"/>
      <c r="M22" s="13" t="s">
        <v>2</v>
      </c>
      <c r="N22" s="13" t="s">
        <v>2</v>
      </c>
      <c r="O22" s="14"/>
      <c r="P22" s="12"/>
      <c r="Q22" s="52" t="s">
        <v>259</v>
      </c>
      <c r="R22" s="18">
        <v>45</v>
      </c>
      <c r="T22" s="58">
        <v>455</v>
      </c>
      <c r="U22" s="10" t="s">
        <v>259</v>
      </c>
      <c r="V22" s="12"/>
      <c r="W22" s="13"/>
      <c r="X22" s="14"/>
      <c r="Y22" s="15"/>
      <c r="Z22" s="13"/>
      <c r="AA22" s="13"/>
      <c r="AB22" s="13" t="s">
        <v>1</v>
      </c>
      <c r="AC22" s="14"/>
      <c r="AD22" s="15"/>
      <c r="AE22" s="13"/>
      <c r="AF22" s="13"/>
      <c r="AG22" s="13"/>
      <c r="AH22" s="14"/>
      <c r="AI22" s="12"/>
      <c r="AJ22" s="52">
        <v>6</v>
      </c>
      <c r="AK22" s="18" t="s">
        <v>259</v>
      </c>
    </row>
    <row r="23" spans="1:37" x14ac:dyDescent="0.2">
      <c r="A23" s="59" t="s">
        <v>968</v>
      </c>
      <c r="B23" s="20">
        <v>44</v>
      </c>
      <c r="C23" s="22"/>
      <c r="D23" s="23"/>
      <c r="E23" s="24"/>
      <c r="F23" s="25"/>
      <c r="G23" s="23"/>
      <c r="H23" s="23"/>
      <c r="I23" s="23"/>
      <c r="J23" s="24"/>
      <c r="K23" s="25"/>
      <c r="L23" s="23"/>
      <c r="M23" s="23"/>
      <c r="N23" s="23"/>
      <c r="O23" s="24"/>
      <c r="P23" s="22"/>
      <c r="Q23" s="53"/>
      <c r="R23" s="27"/>
      <c r="T23" s="59" t="s">
        <v>941</v>
      </c>
      <c r="U23" s="20">
        <v>126</v>
      </c>
      <c r="V23" s="22"/>
      <c r="W23" s="23"/>
      <c r="X23" s="24"/>
      <c r="Y23" s="25"/>
      <c r="Z23" s="23"/>
      <c r="AA23" s="23"/>
      <c r="AB23" s="23"/>
      <c r="AC23" s="24"/>
      <c r="AD23" s="25"/>
      <c r="AE23" s="23"/>
      <c r="AF23" s="23"/>
      <c r="AG23" s="23"/>
      <c r="AH23" s="24"/>
      <c r="AI23" s="22"/>
      <c r="AJ23" s="53"/>
      <c r="AK23" s="27"/>
    </row>
    <row r="24" spans="1:37" x14ac:dyDescent="0.2">
      <c r="A24" s="60" t="s">
        <v>53</v>
      </c>
      <c r="B24" s="1" t="s">
        <v>259</v>
      </c>
      <c r="C24" s="3"/>
      <c r="D24" s="4"/>
      <c r="E24" s="5"/>
      <c r="F24" s="6"/>
      <c r="G24" s="4"/>
      <c r="H24" s="4"/>
      <c r="I24" s="4"/>
      <c r="J24" s="5"/>
      <c r="K24" s="6"/>
      <c r="L24" s="4"/>
      <c r="M24" s="4"/>
      <c r="N24" s="4"/>
      <c r="O24" s="5" t="s">
        <v>0</v>
      </c>
      <c r="P24" s="3"/>
      <c r="Q24" s="51">
        <v>4</v>
      </c>
      <c r="R24" s="8" t="s">
        <v>259</v>
      </c>
      <c r="T24" s="60">
        <v>456</v>
      </c>
      <c r="U24" s="1" t="s">
        <v>259</v>
      </c>
      <c r="V24" s="3"/>
      <c r="W24" s="4"/>
      <c r="X24" s="5"/>
      <c r="Y24" s="6"/>
      <c r="Z24" s="4"/>
      <c r="AA24" s="4"/>
      <c r="AB24" s="4"/>
      <c r="AC24" s="5" t="s">
        <v>1</v>
      </c>
      <c r="AD24" s="6"/>
      <c r="AE24" s="4"/>
      <c r="AF24" s="4" t="s">
        <v>1</v>
      </c>
      <c r="AG24" s="4"/>
      <c r="AH24" s="5"/>
      <c r="AI24" s="3"/>
      <c r="AJ24" s="51">
        <v>9</v>
      </c>
      <c r="AK24" s="8" t="s">
        <v>259</v>
      </c>
    </row>
    <row r="25" spans="1:37" x14ac:dyDescent="0.2">
      <c r="A25" s="58" t="s">
        <v>967</v>
      </c>
      <c r="B25" s="10">
        <v>27</v>
      </c>
      <c r="C25" s="12"/>
      <c r="D25" s="13"/>
      <c r="E25" s="14"/>
      <c r="F25" s="15"/>
      <c r="G25" s="13"/>
      <c r="H25" s="13"/>
      <c r="I25" s="13"/>
      <c r="J25" s="14"/>
      <c r="K25" s="15"/>
      <c r="L25" s="13"/>
      <c r="M25" s="13"/>
      <c r="N25" s="13"/>
      <c r="O25" s="14"/>
      <c r="P25" s="12"/>
      <c r="Q25" s="52"/>
      <c r="R25" s="18"/>
      <c r="T25" s="58" t="s">
        <v>940</v>
      </c>
      <c r="U25" s="10">
        <v>44</v>
      </c>
      <c r="V25" s="12"/>
      <c r="W25" s="13"/>
      <c r="X25" s="14"/>
      <c r="Y25" s="15"/>
      <c r="Z25" s="13"/>
      <c r="AA25" s="13"/>
      <c r="AB25" s="13"/>
      <c r="AC25" s="14"/>
      <c r="AD25" s="15"/>
      <c r="AE25" s="13"/>
      <c r="AF25" s="13"/>
      <c r="AG25" s="13"/>
      <c r="AH25" s="14"/>
      <c r="AI25" s="12"/>
      <c r="AJ25" s="52"/>
      <c r="AK25" s="18"/>
    </row>
    <row r="26" spans="1:37" x14ac:dyDescent="0.2">
      <c r="A26" s="58" t="s">
        <v>54</v>
      </c>
      <c r="B26" s="10" t="s">
        <v>259</v>
      </c>
      <c r="C26" s="12"/>
      <c r="D26" s="13"/>
      <c r="E26" s="14"/>
      <c r="F26" s="15"/>
      <c r="G26" s="13"/>
      <c r="H26" s="13"/>
      <c r="I26" s="13"/>
      <c r="J26" s="14"/>
      <c r="K26" s="15"/>
      <c r="L26" s="13" t="s">
        <v>0</v>
      </c>
      <c r="M26" s="13"/>
      <c r="N26" s="13"/>
      <c r="O26" s="14"/>
      <c r="P26" s="12"/>
      <c r="Q26" s="52">
        <v>4</v>
      </c>
      <c r="R26" s="18" t="s">
        <v>259</v>
      </c>
      <c r="T26" s="58" t="s">
        <v>63</v>
      </c>
      <c r="U26" s="10" t="s">
        <v>259</v>
      </c>
      <c r="V26" s="17" t="s">
        <v>0</v>
      </c>
      <c r="W26" s="13"/>
      <c r="X26" s="14"/>
      <c r="Y26" s="15"/>
      <c r="Z26" s="13"/>
      <c r="AA26" s="13"/>
      <c r="AB26" s="13"/>
      <c r="AC26" s="14"/>
      <c r="AD26" s="15"/>
      <c r="AE26" s="13"/>
      <c r="AF26" s="13"/>
      <c r="AG26" s="13"/>
      <c r="AH26" s="14"/>
      <c r="AI26" s="12"/>
      <c r="AJ26" s="52">
        <v>3</v>
      </c>
      <c r="AK26" s="18" t="s">
        <v>259</v>
      </c>
    </row>
    <row r="27" spans="1:37" x14ac:dyDescent="0.2">
      <c r="A27" s="58" t="s">
        <v>966</v>
      </c>
      <c r="B27" s="10">
        <v>40</v>
      </c>
      <c r="C27" s="12"/>
      <c r="D27" s="13"/>
      <c r="E27" s="14"/>
      <c r="F27" s="15"/>
      <c r="G27" s="13"/>
      <c r="H27" s="13"/>
      <c r="I27" s="13"/>
      <c r="J27" s="14"/>
      <c r="K27" s="15"/>
      <c r="L27" s="13"/>
      <c r="M27" s="13"/>
      <c r="N27" s="13"/>
      <c r="O27" s="14"/>
      <c r="P27" s="12"/>
      <c r="Q27" s="52"/>
      <c r="R27" s="18"/>
      <c r="T27" s="58" t="s">
        <v>939</v>
      </c>
      <c r="U27" s="10">
        <v>90</v>
      </c>
      <c r="V27" s="12"/>
      <c r="W27" s="13"/>
      <c r="X27" s="14"/>
      <c r="Y27" s="15"/>
      <c r="Z27" s="13"/>
      <c r="AA27" s="13"/>
      <c r="AB27" s="13"/>
      <c r="AC27" s="14"/>
      <c r="AD27" s="15"/>
      <c r="AE27" s="13"/>
      <c r="AF27" s="13"/>
      <c r="AG27" s="13"/>
      <c r="AH27" s="14"/>
      <c r="AI27" s="12"/>
      <c r="AJ27" s="52"/>
      <c r="AK27" s="18"/>
    </row>
    <row r="28" spans="1:37" x14ac:dyDescent="0.2">
      <c r="A28" s="59" t="s">
        <v>965</v>
      </c>
      <c r="B28" s="20">
        <v>18</v>
      </c>
      <c r="C28" s="22"/>
      <c r="D28" s="23"/>
      <c r="E28" s="24"/>
      <c r="F28" s="25"/>
      <c r="G28" s="23"/>
      <c r="H28" s="23"/>
      <c r="I28" s="23"/>
      <c r="J28" s="24"/>
      <c r="K28" s="25"/>
      <c r="L28" s="23"/>
      <c r="M28" s="23"/>
      <c r="N28" s="23"/>
      <c r="O28" s="24"/>
      <c r="P28" s="22"/>
      <c r="Q28" s="53"/>
      <c r="R28" s="27"/>
      <c r="T28" s="59" t="s">
        <v>64</v>
      </c>
      <c r="U28" s="20" t="s">
        <v>259</v>
      </c>
      <c r="V28" s="22"/>
      <c r="W28" s="23"/>
      <c r="X28" s="24"/>
      <c r="Y28" s="25"/>
      <c r="Z28" s="23"/>
      <c r="AA28" s="23"/>
      <c r="AB28" s="23"/>
      <c r="AC28" s="24" t="s">
        <v>1</v>
      </c>
      <c r="AD28" s="25"/>
      <c r="AE28" s="23"/>
      <c r="AF28" s="23"/>
      <c r="AG28" s="23"/>
      <c r="AH28" s="24"/>
      <c r="AI28" s="22"/>
      <c r="AJ28" s="53">
        <v>6</v>
      </c>
      <c r="AK28" s="27" t="s">
        <v>259</v>
      </c>
    </row>
    <row r="29" spans="1:37" x14ac:dyDescent="0.2">
      <c r="A29" s="60" t="s">
        <v>964</v>
      </c>
      <c r="B29" s="1">
        <v>40</v>
      </c>
      <c r="C29" s="3"/>
      <c r="D29" s="4"/>
      <c r="E29" s="5"/>
      <c r="F29" s="6"/>
      <c r="G29" s="4"/>
      <c r="H29" s="4"/>
      <c r="I29" s="4"/>
      <c r="J29" s="5"/>
      <c r="K29" s="6"/>
      <c r="L29" s="4"/>
      <c r="M29" s="4"/>
      <c r="N29" s="4"/>
      <c r="O29" s="5"/>
      <c r="P29" s="3"/>
      <c r="Q29" s="51"/>
      <c r="R29" s="8"/>
      <c r="T29" s="60" t="s">
        <v>938</v>
      </c>
      <c r="U29" s="1">
        <v>27</v>
      </c>
      <c r="V29" s="3"/>
      <c r="W29" s="4"/>
      <c r="X29" s="5"/>
      <c r="Y29" s="6"/>
      <c r="Z29" s="4"/>
      <c r="AA29" s="4"/>
      <c r="AB29" s="4"/>
      <c r="AC29" s="5"/>
      <c r="AD29" s="6"/>
      <c r="AE29" s="4"/>
      <c r="AF29" s="4"/>
      <c r="AG29" s="4"/>
      <c r="AH29" s="5"/>
      <c r="AI29" s="3"/>
      <c r="AJ29" s="51"/>
      <c r="AK29" s="8"/>
    </row>
    <row r="30" spans="1:37" x14ac:dyDescent="0.2">
      <c r="A30" s="58" t="s">
        <v>963</v>
      </c>
      <c r="B30" s="10">
        <v>27</v>
      </c>
      <c r="C30" s="12"/>
      <c r="D30" s="13"/>
      <c r="E30" s="14"/>
      <c r="F30" s="15"/>
      <c r="G30" s="13"/>
      <c r="H30" s="13"/>
      <c r="I30" s="13"/>
      <c r="J30" s="14"/>
      <c r="K30" s="15"/>
      <c r="L30" s="13"/>
      <c r="M30" s="13"/>
      <c r="N30" s="13"/>
      <c r="O30" s="14"/>
      <c r="P30" s="12"/>
      <c r="Q30" s="52"/>
      <c r="R30" s="18"/>
      <c r="T30" s="58" t="s">
        <v>65</v>
      </c>
      <c r="U30" s="10" t="s">
        <v>259</v>
      </c>
      <c r="V30" s="12"/>
      <c r="W30" s="13"/>
      <c r="X30" s="14"/>
      <c r="Y30" s="15"/>
      <c r="Z30" s="13"/>
      <c r="AA30" s="13"/>
      <c r="AB30" s="13"/>
      <c r="AC30" s="35" t="s">
        <v>4</v>
      </c>
      <c r="AD30" s="15"/>
      <c r="AE30" s="13"/>
      <c r="AF30" s="13"/>
      <c r="AG30" s="13"/>
      <c r="AH30" s="14"/>
      <c r="AI30" s="12"/>
      <c r="AJ30" s="52">
        <v>5</v>
      </c>
      <c r="AK30" s="18" t="s">
        <v>259</v>
      </c>
    </row>
    <row r="31" spans="1:37" x14ac:dyDescent="0.2">
      <c r="A31" s="58" t="s">
        <v>55</v>
      </c>
      <c r="B31" s="10" t="s">
        <v>259</v>
      </c>
      <c r="C31" s="12"/>
      <c r="D31" s="13"/>
      <c r="E31" s="14"/>
      <c r="F31" s="15"/>
      <c r="G31" s="13"/>
      <c r="H31" s="13"/>
      <c r="I31" s="13"/>
      <c r="J31" s="14"/>
      <c r="K31" s="15"/>
      <c r="L31" s="13" t="s">
        <v>0</v>
      </c>
      <c r="M31" s="13"/>
      <c r="N31" s="13"/>
      <c r="O31" s="14"/>
      <c r="P31" s="12"/>
      <c r="Q31" s="52">
        <v>4</v>
      </c>
      <c r="R31" s="18" t="s">
        <v>259</v>
      </c>
      <c r="T31" s="61" t="s">
        <v>937</v>
      </c>
      <c r="U31" s="10">
        <v>57</v>
      </c>
      <c r="V31" s="17"/>
      <c r="W31" s="13"/>
      <c r="X31" s="14"/>
      <c r="Y31" s="15"/>
      <c r="Z31" s="13"/>
      <c r="AA31" s="13"/>
      <c r="AB31" s="13"/>
      <c r="AC31" s="14"/>
      <c r="AD31" s="15"/>
      <c r="AE31" s="13"/>
      <c r="AF31" s="13"/>
      <c r="AG31" s="13"/>
      <c r="AH31" s="14"/>
      <c r="AI31" s="12"/>
      <c r="AJ31" s="52"/>
      <c r="AK31" s="18"/>
    </row>
    <row r="32" spans="1:37" x14ac:dyDescent="0.2">
      <c r="A32" s="58" t="s">
        <v>56</v>
      </c>
      <c r="B32" s="10" t="s">
        <v>259</v>
      </c>
      <c r="C32" s="12"/>
      <c r="D32" s="13"/>
      <c r="E32" s="14"/>
      <c r="F32" s="15"/>
      <c r="G32" s="13"/>
      <c r="H32" s="13"/>
      <c r="I32" s="13"/>
      <c r="J32" s="14"/>
      <c r="K32" s="15"/>
      <c r="L32" s="13"/>
      <c r="M32" s="13" t="s">
        <v>0</v>
      </c>
      <c r="N32" s="13" t="s">
        <v>0</v>
      </c>
      <c r="O32" s="14"/>
      <c r="P32" s="12"/>
      <c r="Q32" s="52">
        <v>8</v>
      </c>
      <c r="R32" s="18" t="s">
        <v>259</v>
      </c>
      <c r="T32" s="58">
        <v>460</v>
      </c>
      <c r="U32" s="10" t="s">
        <v>259</v>
      </c>
      <c r="V32" s="12"/>
      <c r="W32" s="13"/>
      <c r="X32" s="14"/>
      <c r="Y32" s="15"/>
      <c r="Z32" s="13"/>
      <c r="AA32" s="13"/>
      <c r="AB32" s="13" t="s">
        <v>1</v>
      </c>
      <c r="AC32" s="14"/>
      <c r="AD32" s="15"/>
      <c r="AE32" s="13"/>
      <c r="AF32" s="13"/>
      <c r="AG32" s="13"/>
      <c r="AH32" s="14"/>
      <c r="AI32" s="12"/>
      <c r="AJ32" s="52">
        <v>4</v>
      </c>
      <c r="AK32" s="18" t="s">
        <v>259</v>
      </c>
    </row>
    <row r="33" spans="1:37" x14ac:dyDescent="0.2">
      <c r="A33" s="59" t="s">
        <v>962</v>
      </c>
      <c r="B33" s="20">
        <v>31</v>
      </c>
      <c r="C33" s="26"/>
      <c r="D33" s="23"/>
      <c r="E33" s="24"/>
      <c r="F33" s="25"/>
      <c r="G33" s="23"/>
      <c r="H33" s="23"/>
      <c r="I33" s="23"/>
      <c r="J33" s="24"/>
      <c r="K33" s="25"/>
      <c r="L33" s="23"/>
      <c r="M33" s="23"/>
      <c r="N33" s="23"/>
      <c r="O33" s="24"/>
      <c r="P33" s="22"/>
      <c r="Q33" s="53"/>
      <c r="R33" s="27"/>
      <c r="T33" s="59" t="s">
        <v>936</v>
      </c>
      <c r="U33" s="20">
        <v>40</v>
      </c>
      <c r="V33" s="26"/>
      <c r="W33" s="23"/>
      <c r="X33" s="24"/>
      <c r="Y33" s="25"/>
      <c r="Z33" s="23"/>
      <c r="AA33" s="23"/>
      <c r="AB33" s="23"/>
      <c r="AC33" s="24"/>
      <c r="AD33" s="25"/>
      <c r="AE33" s="23"/>
      <c r="AF33" s="23"/>
      <c r="AG33" s="23"/>
      <c r="AH33" s="24"/>
      <c r="AI33" s="22"/>
      <c r="AJ33" s="53"/>
      <c r="AK33" s="27"/>
    </row>
    <row r="34" spans="1:37" x14ac:dyDescent="0.2">
      <c r="A34" s="60">
        <v>435</v>
      </c>
      <c r="B34" s="1" t="s">
        <v>259</v>
      </c>
      <c r="C34" s="3"/>
      <c r="D34" s="4"/>
      <c r="E34" s="5"/>
      <c r="F34" s="6"/>
      <c r="G34" s="4"/>
      <c r="H34" s="4" t="s">
        <v>1</v>
      </c>
      <c r="I34" s="4"/>
      <c r="J34" s="5" t="s">
        <v>1</v>
      </c>
      <c r="K34" s="6"/>
      <c r="L34" s="4"/>
      <c r="M34" s="4"/>
      <c r="N34" s="4"/>
      <c r="O34" s="5"/>
      <c r="P34" s="3"/>
      <c r="Q34" s="51">
        <v>11</v>
      </c>
      <c r="R34" s="8" t="s">
        <v>259</v>
      </c>
      <c r="T34" s="60">
        <v>461</v>
      </c>
      <c r="U34" s="1" t="s">
        <v>259</v>
      </c>
      <c r="V34" s="3"/>
      <c r="W34" s="4"/>
      <c r="X34" s="5"/>
      <c r="Y34" s="6"/>
      <c r="Z34" s="4"/>
      <c r="AA34" s="4"/>
      <c r="AB34" s="4"/>
      <c r="AC34" s="5" t="s">
        <v>1</v>
      </c>
      <c r="AD34" s="6"/>
      <c r="AE34" s="4"/>
      <c r="AF34" s="4"/>
      <c r="AG34" s="4"/>
      <c r="AH34" s="5"/>
      <c r="AI34" s="3"/>
      <c r="AJ34" s="51">
        <v>9</v>
      </c>
      <c r="AK34" s="8" t="s">
        <v>259</v>
      </c>
    </row>
    <row r="35" spans="1:37" x14ac:dyDescent="0.2">
      <c r="A35" s="58" t="s">
        <v>961</v>
      </c>
      <c r="B35" s="10">
        <v>48</v>
      </c>
      <c r="C35" s="12"/>
      <c r="D35" s="13"/>
      <c r="E35" s="14"/>
      <c r="F35" s="15"/>
      <c r="G35" s="13"/>
      <c r="H35" s="13"/>
      <c r="I35" s="13"/>
      <c r="J35" s="14"/>
      <c r="K35" s="15"/>
      <c r="L35" s="13"/>
      <c r="M35" s="13"/>
      <c r="N35" s="13"/>
      <c r="O35" s="14"/>
      <c r="P35" s="12"/>
      <c r="Q35" s="52"/>
      <c r="R35" s="18"/>
      <c r="T35" s="58" t="s">
        <v>66</v>
      </c>
      <c r="U35" s="10" t="s">
        <v>259</v>
      </c>
      <c r="V35" s="17" t="s">
        <v>0</v>
      </c>
      <c r="W35" s="13"/>
      <c r="X35" s="14"/>
      <c r="Y35" s="15"/>
      <c r="Z35" s="13"/>
      <c r="AA35" s="13"/>
      <c r="AB35" s="13"/>
      <c r="AC35" s="14"/>
      <c r="AD35" s="15"/>
      <c r="AE35" s="13"/>
      <c r="AF35" s="13"/>
      <c r="AG35" s="13"/>
      <c r="AH35" s="14"/>
      <c r="AI35" s="12"/>
      <c r="AJ35" s="52">
        <v>3</v>
      </c>
      <c r="AK35" s="18" t="s">
        <v>259</v>
      </c>
    </row>
    <row r="36" spans="1:37" x14ac:dyDescent="0.2">
      <c r="A36" s="58" t="s">
        <v>960</v>
      </c>
      <c r="B36" s="10">
        <v>52</v>
      </c>
      <c r="C36" s="17"/>
      <c r="D36" s="34"/>
      <c r="E36" s="35"/>
      <c r="F36" s="36"/>
      <c r="G36" s="34"/>
      <c r="H36" s="34"/>
      <c r="I36" s="34"/>
      <c r="J36" s="35"/>
      <c r="K36" s="36"/>
      <c r="L36" s="34"/>
      <c r="M36" s="34"/>
      <c r="N36" s="34"/>
      <c r="O36" s="35"/>
      <c r="P36" s="17"/>
      <c r="Q36" s="52"/>
      <c r="R36" s="18"/>
      <c r="T36" s="58" t="s">
        <v>935</v>
      </c>
      <c r="U36" s="10">
        <v>54</v>
      </c>
      <c r="V36" s="12"/>
      <c r="W36" s="13"/>
      <c r="X36" s="14"/>
      <c r="Y36" s="15"/>
      <c r="Z36" s="13"/>
      <c r="AA36" s="13"/>
      <c r="AB36" s="13"/>
      <c r="AC36" s="14"/>
      <c r="AD36" s="15"/>
      <c r="AE36" s="13"/>
      <c r="AF36" s="13"/>
      <c r="AG36" s="13"/>
      <c r="AH36" s="14"/>
      <c r="AI36" s="12"/>
      <c r="AJ36" s="52"/>
      <c r="AK36" s="18"/>
    </row>
    <row r="37" spans="1:37" x14ac:dyDescent="0.2">
      <c r="A37" s="58">
        <v>437</v>
      </c>
      <c r="B37" s="10" t="s">
        <v>259</v>
      </c>
      <c r="C37" s="12"/>
      <c r="D37" s="13"/>
      <c r="E37" s="14"/>
      <c r="F37" s="15"/>
      <c r="G37" s="13"/>
      <c r="H37" s="13"/>
      <c r="I37" s="13" t="s">
        <v>1</v>
      </c>
      <c r="J37" s="14"/>
      <c r="K37" s="15"/>
      <c r="L37" s="13"/>
      <c r="M37" s="13"/>
      <c r="N37" s="13"/>
      <c r="O37" s="14"/>
      <c r="P37" s="12"/>
      <c r="Q37" s="52">
        <v>4</v>
      </c>
      <c r="R37" s="18" t="s">
        <v>259</v>
      </c>
      <c r="T37" s="58" t="s">
        <v>934</v>
      </c>
      <c r="U37" s="10">
        <v>44</v>
      </c>
      <c r="V37" s="12"/>
      <c r="W37" s="13"/>
      <c r="X37" s="14"/>
      <c r="Y37" s="15"/>
      <c r="Z37" s="13"/>
      <c r="AA37" s="13"/>
      <c r="AB37" s="13"/>
      <c r="AC37" s="14"/>
      <c r="AD37" s="15"/>
      <c r="AE37" s="13"/>
      <c r="AF37" s="13"/>
      <c r="AG37" s="13"/>
      <c r="AH37" s="14"/>
      <c r="AI37" s="12"/>
      <c r="AJ37" s="52"/>
      <c r="AK37" s="18"/>
    </row>
    <row r="38" spans="1:37" x14ac:dyDescent="0.2">
      <c r="A38" s="59" t="s">
        <v>959</v>
      </c>
      <c r="B38" s="20">
        <v>44</v>
      </c>
      <c r="C38" s="22"/>
      <c r="D38" s="23"/>
      <c r="E38" s="24"/>
      <c r="F38" s="25"/>
      <c r="G38" s="23"/>
      <c r="H38" s="23"/>
      <c r="I38" s="23"/>
      <c r="J38" s="24"/>
      <c r="K38" s="25"/>
      <c r="L38" s="23"/>
      <c r="M38" s="23"/>
      <c r="N38" s="23"/>
      <c r="O38" s="24"/>
      <c r="P38" s="22"/>
      <c r="Q38" s="53"/>
      <c r="R38" s="27"/>
      <c r="T38" s="59" t="s">
        <v>933</v>
      </c>
      <c r="U38" s="20">
        <v>55</v>
      </c>
      <c r="V38" s="22"/>
      <c r="W38" s="23"/>
      <c r="X38" s="24"/>
      <c r="Y38" s="25"/>
      <c r="Z38" s="23"/>
      <c r="AA38" s="23"/>
      <c r="AB38" s="23"/>
      <c r="AC38" s="24"/>
      <c r="AD38" s="25"/>
      <c r="AE38" s="23"/>
      <c r="AF38" s="23"/>
      <c r="AG38" s="23"/>
      <c r="AH38" s="24"/>
      <c r="AI38" s="22"/>
      <c r="AJ38" s="53"/>
      <c r="AK38" s="27"/>
    </row>
    <row r="39" spans="1:37" x14ac:dyDescent="0.2">
      <c r="A39" s="60">
        <v>438</v>
      </c>
      <c r="B39" s="1" t="s">
        <v>259</v>
      </c>
      <c r="C39" s="3"/>
      <c r="D39" s="4"/>
      <c r="E39" s="5"/>
      <c r="F39" s="6"/>
      <c r="G39" s="4"/>
      <c r="H39" s="4"/>
      <c r="I39" s="4"/>
      <c r="J39" s="5"/>
      <c r="K39" s="6"/>
      <c r="L39" s="4"/>
      <c r="M39" s="4"/>
      <c r="N39" s="4" t="s">
        <v>1</v>
      </c>
      <c r="O39" s="5"/>
      <c r="P39" s="3"/>
      <c r="Q39" s="51">
        <v>4</v>
      </c>
      <c r="R39" s="8" t="s">
        <v>259</v>
      </c>
      <c r="T39" s="60" t="s">
        <v>932</v>
      </c>
      <c r="U39" s="1">
        <v>54</v>
      </c>
      <c r="V39" s="7"/>
      <c r="W39" s="40"/>
      <c r="X39" s="41"/>
      <c r="Y39" s="42"/>
      <c r="Z39" s="40"/>
      <c r="AA39" s="40"/>
      <c r="AB39" s="40"/>
      <c r="AC39" s="41"/>
      <c r="AD39" s="42"/>
      <c r="AE39" s="40"/>
      <c r="AF39" s="40"/>
      <c r="AG39" s="40"/>
      <c r="AH39" s="41"/>
      <c r="AI39" s="7"/>
      <c r="AJ39" s="51"/>
      <c r="AK39" s="8"/>
    </row>
    <row r="40" spans="1:37" x14ac:dyDescent="0.2">
      <c r="A40" s="58" t="s">
        <v>958</v>
      </c>
      <c r="B40" s="10">
        <v>49</v>
      </c>
      <c r="C40" s="12"/>
      <c r="D40" s="13"/>
      <c r="E40" s="14"/>
      <c r="F40" s="15"/>
      <c r="G40" s="13"/>
      <c r="H40" s="13"/>
      <c r="I40" s="13"/>
      <c r="J40" s="14"/>
      <c r="K40" s="15"/>
      <c r="L40" s="13"/>
      <c r="M40" s="13"/>
      <c r="N40" s="13"/>
      <c r="O40" s="14"/>
      <c r="P40" s="12"/>
      <c r="Q40" s="52"/>
      <c r="R40" s="18"/>
      <c r="T40" s="61" t="s">
        <v>67</v>
      </c>
      <c r="U40" s="10" t="s">
        <v>259</v>
      </c>
      <c r="V40" s="12"/>
      <c r="W40" s="13"/>
      <c r="X40" s="14"/>
      <c r="Y40" s="15"/>
      <c r="Z40" s="13"/>
      <c r="AA40" s="13"/>
      <c r="AB40" s="13"/>
      <c r="AC40" s="14"/>
      <c r="AD40" s="15"/>
      <c r="AE40" s="13" t="s">
        <v>0</v>
      </c>
      <c r="AF40" s="13"/>
      <c r="AG40" s="13"/>
      <c r="AH40" s="14"/>
      <c r="AI40" s="12"/>
      <c r="AJ40" s="52">
        <v>5</v>
      </c>
      <c r="AK40" s="18" t="s">
        <v>259</v>
      </c>
    </row>
    <row r="41" spans="1:37" x14ac:dyDescent="0.2">
      <c r="A41" s="58">
        <v>439</v>
      </c>
      <c r="B41" s="10" t="s">
        <v>259</v>
      </c>
      <c r="C41" s="12"/>
      <c r="D41" s="13"/>
      <c r="E41" s="14"/>
      <c r="F41" s="15"/>
      <c r="G41" s="13"/>
      <c r="H41" s="13"/>
      <c r="I41" s="13"/>
      <c r="J41" s="14" t="s">
        <v>1</v>
      </c>
      <c r="K41" s="15" t="s">
        <v>1</v>
      </c>
      <c r="L41" s="13"/>
      <c r="M41" s="13"/>
      <c r="N41" s="13"/>
      <c r="O41" s="14"/>
      <c r="P41" s="12"/>
      <c r="Q41" s="52">
        <v>23</v>
      </c>
      <c r="R41" s="18" t="s">
        <v>259</v>
      </c>
      <c r="T41" s="58" t="s">
        <v>931</v>
      </c>
      <c r="U41" s="10">
        <v>40</v>
      </c>
      <c r="V41" s="12"/>
      <c r="W41" s="13"/>
      <c r="X41" s="14"/>
      <c r="Y41" s="15"/>
      <c r="Z41" s="13"/>
      <c r="AA41" s="13"/>
      <c r="AB41" s="13"/>
      <c r="AC41" s="14"/>
      <c r="AD41" s="15"/>
      <c r="AE41" s="13"/>
      <c r="AF41" s="13"/>
      <c r="AG41" s="13"/>
      <c r="AH41" s="14"/>
      <c r="AI41" s="12"/>
      <c r="AJ41" s="52"/>
      <c r="AK41" s="18"/>
    </row>
    <row r="42" spans="1:37" x14ac:dyDescent="0.2">
      <c r="A42" s="58" t="s">
        <v>957</v>
      </c>
      <c r="B42" s="10">
        <v>49</v>
      </c>
      <c r="C42" s="17"/>
      <c r="D42" s="13"/>
      <c r="E42" s="14"/>
      <c r="F42" s="15"/>
      <c r="G42" s="13"/>
      <c r="H42" s="13"/>
      <c r="I42" s="13"/>
      <c r="J42" s="14"/>
      <c r="K42" s="15"/>
      <c r="L42" s="13"/>
      <c r="M42" s="13"/>
      <c r="N42" s="13"/>
      <c r="O42" s="14"/>
      <c r="P42" s="12"/>
      <c r="Q42" s="52"/>
      <c r="R42" s="18"/>
      <c r="T42" s="58" t="s">
        <v>930</v>
      </c>
      <c r="U42" s="10">
        <v>85</v>
      </c>
      <c r="V42" s="17"/>
      <c r="W42" s="13"/>
      <c r="X42" s="14"/>
      <c r="Y42" s="15"/>
      <c r="Z42" s="13"/>
      <c r="AA42" s="13"/>
      <c r="AB42" s="13"/>
      <c r="AC42" s="14"/>
      <c r="AD42" s="15"/>
      <c r="AE42" s="13"/>
      <c r="AF42" s="13"/>
      <c r="AG42" s="13"/>
      <c r="AH42" s="14"/>
      <c r="AI42" s="12"/>
      <c r="AJ42" s="52"/>
      <c r="AK42" s="18"/>
    </row>
    <row r="43" spans="1:37" x14ac:dyDescent="0.2">
      <c r="A43" s="59" t="s">
        <v>956</v>
      </c>
      <c r="B43" s="20">
        <v>27</v>
      </c>
      <c r="C43" s="22"/>
      <c r="D43" s="23"/>
      <c r="E43" s="24"/>
      <c r="F43" s="25"/>
      <c r="G43" s="23"/>
      <c r="H43" s="23"/>
      <c r="I43" s="23"/>
      <c r="J43" s="24"/>
      <c r="K43" s="25"/>
      <c r="L43" s="23"/>
      <c r="M43" s="23"/>
      <c r="N43" s="23"/>
      <c r="O43" s="24"/>
      <c r="P43" s="22"/>
      <c r="Q43" s="53"/>
      <c r="R43" s="27"/>
      <c r="T43" s="59" t="s">
        <v>929</v>
      </c>
      <c r="U43" s="20">
        <v>44</v>
      </c>
      <c r="V43" s="22"/>
      <c r="W43" s="23"/>
      <c r="X43" s="24"/>
      <c r="Y43" s="25"/>
      <c r="Z43" s="23"/>
      <c r="AA43" s="23"/>
      <c r="AB43" s="23"/>
      <c r="AC43" s="24"/>
      <c r="AD43" s="25"/>
      <c r="AE43" s="23"/>
      <c r="AF43" s="23"/>
      <c r="AG43" s="23"/>
      <c r="AH43" s="24"/>
      <c r="AI43" s="22"/>
      <c r="AJ43" s="53"/>
      <c r="AK43" s="27"/>
    </row>
    <row r="44" spans="1:37" x14ac:dyDescent="0.2">
      <c r="A44" s="60">
        <v>441</v>
      </c>
      <c r="B44" s="1" t="s">
        <v>259</v>
      </c>
      <c r="C44" s="3"/>
      <c r="D44" s="4"/>
      <c r="E44" s="5"/>
      <c r="F44" s="6"/>
      <c r="G44" s="4"/>
      <c r="H44" s="4"/>
      <c r="I44" s="4"/>
      <c r="J44" s="5"/>
      <c r="K44" s="6"/>
      <c r="L44" s="4"/>
      <c r="M44" s="4" t="s">
        <v>1</v>
      </c>
      <c r="N44" s="4"/>
      <c r="O44" s="5"/>
      <c r="P44" s="3"/>
      <c r="Q44" s="51">
        <v>8</v>
      </c>
      <c r="R44" s="8" t="s">
        <v>259</v>
      </c>
      <c r="T44" s="60" t="s">
        <v>928</v>
      </c>
      <c r="U44" s="1">
        <v>49</v>
      </c>
      <c r="V44" s="7"/>
      <c r="W44" s="4"/>
      <c r="X44" s="5"/>
      <c r="Y44" s="6"/>
      <c r="Z44" s="4"/>
      <c r="AA44" s="4"/>
      <c r="AB44" s="4"/>
      <c r="AC44" s="5"/>
      <c r="AD44" s="6"/>
      <c r="AE44" s="4"/>
      <c r="AF44" s="4"/>
      <c r="AG44" s="4"/>
      <c r="AH44" s="5"/>
      <c r="AI44" s="3"/>
      <c r="AJ44" s="51"/>
      <c r="AK44" s="8"/>
    </row>
    <row r="45" spans="1:37" x14ac:dyDescent="0.2">
      <c r="A45" s="58" t="s">
        <v>57</v>
      </c>
      <c r="B45" s="10" t="s">
        <v>259</v>
      </c>
      <c r="C45" s="12"/>
      <c r="D45" s="13"/>
      <c r="E45" s="14"/>
      <c r="F45" s="15"/>
      <c r="G45" s="13"/>
      <c r="H45" s="13"/>
      <c r="I45" s="13"/>
      <c r="J45" s="14"/>
      <c r="K45" s="15"/>
      <c r="L45" s="13"/>
      <c r="M45" s="13"/>
      <c r="N45" s="13"/>
      <c r="O45" s="14" t="s">
        <v>0</v>
      </c>
      <c r="P45" s="12"/>
      <c r="Q45" s="52">
        <v>4</v>
      </c>
      <c r="R45" s="18" t="s">
        <v>259</v>
      </c>
      <c r="T45" s="58" t="s">
        <v>927</v>
      </c>
      <c r="U45" s="32">
        <v>46</v>
      </c>
      <c r="V45" s="17"/>
      <c r="W45" s="13"/>
      <c r="X45" s="14"/>
      <c r="Y45" s="15"/>
      <c r="Z45" s="13"/>
      <c r="AA45" s="13"/>
      <c r="AB45" s="13"/>
      <c r="AC45" s="14"/>
      <c r="AD45" s="15"/>
      <c r="AE45" s="13"/>
      <c r="AF45" s="13"/>
      <c r="AG45" s="13"/>
      <c r="AH45" s="14"/>
      <c r="AI45" s="12"/>
      <c r="AJ45" s="52"/>
      <c r="AK45" s="18"/>
    </row>
    <row r="46" spans="1:37" x14ac:dyDescent="0.2">
      <c r="A46" s="58" t="s">
        <v>955</v>
      </c>
      <c r="B46" s="10">
        <v>40</v>
      </c>
      <c r="C46" s="12"/>
      <c r="D46" s="13"/>
      <c r="E46" s="14"/>
      <c r="F46" s="15"/>
      <c r="G46" s="13"/>
      <c r="H46" s="13"/>
      <c r="I46" s="13"/>
      <c r="J46" s="14"/>
      <c r="K46" s="15"/>
      <c r="L46" s="13"/>
      <c r="M46" s="13"/>
      <c r="N46" s="13"/>
      <c r="O46" s="14"/>
      <c r="P46" s="12"/>
      <c r="Q46" s="52"/>
      <c r="R46" s="18"/>
      <c r="T46" s="58" t="s">
        <v>926</v>
      </c>
      <c r="U46" s="10">
        <v>114</v>
      </c>
      <c r="V46" s="17"/>
      <c r="W46" s="13"/>
      <c r="X46" s="14"/>
      <c r="Y46" s="15"/>
      <c r="Z46" s="13"/>
      <c r="AA46" s="13"/>
      <c r="AB46" s="13"/>
      <c r="AC46" s="14"/>
      <c r="AD46" s="15"/>
      <c r="AE46" s="13"/>
      <c r="AF46" s="13"/>
      <c r="AG46" s="13"/>
      <c r="AH46" s="14"/>
      <c r="AI46" s="12"/>
      <c r="AJ46" s="52"/>
      <c r="AK46" s="18"/>
    </row>
    <row r="47" spans="1:37" x14ac:dyDescent="0.2">
      <c r="A47" s="58" t="s">
        <v>58</v>
      </c>
      <c r="B47" s="10" t="s">
        <v>259</v>
      </c>
      <c r="C47" s="12"/>
      <c r="D47" s="13"/>
      <c r="E47" s="14"/>
      <c r="F47" s="15"/>
      <c r="G47" s="13"/>
      <c r="H47" s="13"/>
      <c r="I47" s="13"/>
      <c r="J47" s="14"/>
      <c r="K47" s="15"/>
      <c r="L47" s="13"/>
      <c r="M47" s="13" t="s">
        <v>0</v>
      </c>
      <c r="N47" s="13"/>
      <c r="O47" s="14" t="s">
        <v>0</v>
      </c>
      <c r="P47" s="12"/>
      <c r="Q47" s="52">
        <v>8</v>
      </c>
      <c r="R47" s="18" t="s">
        <v>259</v>
      </c>
      <c r="T47" s="58" t="s">
        <v>925</v>
      </c>
      <c r="U47" s="10">
        <v>51</v>
      </c>
      <c r="V47" s="17"/>
      <c r="W47" s="13"/>
      <c r="X47" s="14"/>
      <c r="Y47" s="15"/>
      <c r="Z47" s="13"/>
      <c r="AA47" s="13"/>
      <c r="AB47" s="13"/>
      <c r="AC47" s="14"/>
      <c r="AD47" s="15"/>
      <c r="AE47" s="13"/>
      <c r="AF47" s="13"/>
      <c r="AG47" s="13"/>
      <c r="AH47" s="14"/>
      <c r="AI47" s="12"/>
      <c r="AJ47" s="52"/>
      <c r="AK47" s="18"/>
    </row>
    <row r="48" spans="1:37" x14ac:dyDescent="0.2">
      <c r="A48" s="59" t="s">
        <v>954</v>
      </c>
      <c r="B48" s="20">
        <v>27</v>
      </c>
      <c r="C48" s="22"/>
      <c r="D48" s="23"/>
      <c r="E48" s="24"/>
      <c r="F48" s="25"/>
      <c r="G48" s="23"/>
      <c r="H48" s="23"/>
      <c r="I48" s="23"/>
      <c r="J48" s="24"/>
      <c r="K48" s="25"/>
      <c r="L48" s="23"/>
      <c r="M48" s="23"/>
      <c r="N48" s="23"/>
      <c r="O48" s="24"/>
      <c r="P48" s="22"/>
      <c r="Q48" s="53"/>
      <c r="R48" s="27"/>
      <c r="T48" s="59">
        <v>473</v>
      </c>
      <c r="U48" s="20" t="s">
        <v>259</v>
      </c>
      <c r="V48" s="22"/>
      <c r="W48" s="23"/>
      <c r="X48" s="24"/>
      <c r="Y48" s="25"/>
      <c r="Z48" s="23" t="s">
        <v>1</v>
      </c>
      <c r="AA48" s="23"/>
      <c r="AB48" s="23"/>
      <c r="AC48" s="24"/>
      <c r="AD48" s="25"/>
      <c r="AE48" s="23"/>
      <c r="AF48" s="23"/>
      <c r="AG48" s="23"/>
      <c r="AH48" s="24"/>
      <c r="AI48" s="22"/>
      <c r="AJ48" s="53">
        <v>2</v>
      </c>
      <c r="AK48" s="27" t="s">
        <v>259</v>
      </c>
    </row>
    <row r="49" spans="1:37" x14ac:dyDescent="0.2">
      <c r="A49" s="60">
        <v>443</v>
      </c>
      <c r="B49" s="1" t="s">
        <v>259</v>
      </c>
      <c r="C49" s="3"/>
      <c r="D49" s="4"/>
      <c r="E49" s="5"/>
      <c r="F49" s="6"/>
      <c r="G49" s="4"/>
      <c r="H49" s="4"/>
      <c r="I49" s="4"/>
      <c r="J49" s="5"/>
      <c r="K49" s="6" t="s">
        <v>1</v>
      </c>
      <c r="L49" s="4"/>
      <c r="M49" s="4"/>
      <c r="N49" s="4"/>
      <c r="O49" s="5"/>
      <c r="P49" s="3"/>
      <c r="Q49" s="51">
        <v>8</v>
      </c>
      <c r="R49" s="8" t="s">
        <v>259</v>
      </c>
      <c r="T49" s="60" t="s">
        <v>924</v>
      </c>
      <c r="U49" s="1">
        <v>51</v>
      </c>
      <c r="V49" s="7"/>
      <c r="W49" s="4"/>
      <c r="X49" s="5"/>
      <c r="Y49" s="6"/>
      <c r="Z49" s="4"/>
      <c r="AA49" s="4"/>
      <c r="AB49" s="4"/>
      <c r="AC49" s="5"/>
      <c r="AD49" s="6"/>
      <c r="AE49" s="4"/>
      <c r="AF49" s="4"/>
      <c r="AG49" s="4"/>
      <c r="AH49" s="5"/>
      <c r="AI49" s="3"/>
      <c r="AJ49" s="51"/>
      <c r="AK49" s="8"/>
    </row>
    <row r="50" spans="1:37" x14ac:dyDescent="0.2">
      <c r="A50" s="58" t="s">
        <v>59</v>
      </c>
      <c r="B50" s="10" t="s">
        <v>259</v>
      </c>
      <c r="C50" s="12"/>
      <c r="D50" s="13"/>
      <c r="E50" s="14"/>
      <c r="F50" s="15"/>
      <c r="G50" s="13"/>
      <c r="H50" s="13"/>
      <c r="I50" s="13"/>
      <c r="J50" s="14"/>
      <c r="K50" s="15" t="s">
        <v>0</v>
      </c>
      <c r="L50" s="13" t="s">
        <v>0</v>
      </c>
      <c r="M50" s="13"/>
      <c r="N50" s="13"/>
      <c r="O50" s="14"/>
      <c r="P50" s="12"/>
      <c r="Q50" s="52">
        <v>8</v>
      </c>
      <c r="R50" s="18" t="s">
        <v>259</v>
      </c>
      <c r="T50" s="58" t="s">
        <v>923</v>
      </c>
      <c r="U50" s="10">
        <v>40</v>
      </c>
      <c r="V50" s="17"/>
      <c r="W50" s="34"/>
      <c r="X50" s="35"/>
      <c r="Y50" s="36"/>
      <c r="Z50" s="34"/>
      <c r="AA50" s="34"/>
      <c r="AB50" s="34"/>
      <c r="AC50" s="35"/>
      <c r="AD50" s="36"/>
      <c r="AE50" s="34"/>
      <c r="AF50" s="34"/>
      <c r="AG50" s="34"/>
      <c r="AH50" s="35"/>
      <c r="AI50" s="17"/>
      <c r="AJ50" s="52"/>
      <c r="AK50" s="18"/>
    </row>
    <row r="51" spans="1:37" x14ac:dyDescent="0.2">
      <c r="A51" s="58" t="s">
        <v>60</v>
      </c>
      <c r="B51" s="10" t="s">
        <v>259</v>
      </c>
      <c r="C51" s="12"/>
      <c r="D51" s="13"/>
      <c r="E51" s="14"/>
      <c r="F51" s="15"/>
      <c r="G51" s="13"/>
      <c r="H51" s="13"/>
      <c r="I51" s="13"/>
      <c r="J51" s="14"/>
      <c r="K51" s="15"/>
      <c r="L51" s="13" t="s">
        <v>0</v>
      </c>
      <c r="M51" s="13"/>
      <c r="N51" s="13"/>
      <c r="O51" s="14"/>
      <c r="P51" s="12"/>
      <c r="Q51" s="52">
        <v>4</v>
      </c>
      <c r="R51" s="18" t="s">
        <v>259</v>
      </c>
      <c r="T51" s="58">
        <v>475</v>
      </c>
      <c r="U51" s="10" t="s">
        <v>259</v>
      </c>
      <c r="V51" s="12"/>
      <c r="W51" s="13"/>
      <c r="X51" s="14"/>
      <c r="Y51" s="15"/>
      <c r="Z51" s="13"/>
      <c r="AA51" s="13"/>
      <c r="AB51" s="13" t="s">
        <v>1</v>
      </c>
      <c r="AC51" s="14"/>
      <c r="AD51" s="15"/>
      <c r="AE51" s="13"/>
      <c r="AF51" s="13"/>
      <c r="AG51" s="13"/>
      <c r="AH51" s="14"/>
      <c r="AI51" s="12"/>
      <c r="AJ51" s="52">
        <v>6</v>
      </c>
      <c r="AK51" s="18" t="s">
        <v>259</v>
      </c>
    </row>
    <row r="52" spans="1:37" x14ac:dyDescent="0.2">
      <c r="A52" s="58" t="s">
        <v>953</v>
      </c>
      <c r="B52" s="10">
        <v>40</v>
      </c>
      <c r="C52" s="12"/>
      <c r="D52" s="13"/>
      <c r="E52" s="14"/>
      <c r="F52" s="15"/>
      <c r="G52" s="13"/>
      <c r="H52" s="13"/>
      <c r="I52" s="13"/>
      <c r="J52" s="14"/>
      <c r="K52" s="15"/>
      <c r="L52" s="13"/>
      <c r="M52" s="13"/>
      <c r="N52" s="13"/>
      <c r="O52" s="14"/>
      <c r="P52" s="12"/>
      <c r="Q52" s="52"/>
      <c r="R52" s="18"/>
      <c r="T52" s="58" t="s">
        <v>922</v>
      </c>
      <c r="U52" s="10">
        <v>50</v>
      </c>
      <c r="V52" s="17"/>
      <c r="W52" s="13"/>
      <c r="X52" s="14"/>
      <c r="Y52" s="15"/>
      <c r="Z52" s="13"/>
      <c r="AA52" s="13"/>
      <c r="AB52" s="13"/>
      <c r="AC52" s="14"/>
      <c r="AD52" s="15"/>
      <c r="AE52" s="13"/>
      <c r="AF52" s="13"/>
      <c r="AG52" s="13"/>
      <c r="AH52" s="14"/>
      <c r="AI52" s="12"/>
      <c r="AJ52" s="52"/>
      <c r="AK52" s="18"/>
    </row>
    <row r="53" spans="1:37" x14ac:dyDescent="0.2">
      <c r="A53" s="59">
        <v>444</v>
      </c>
      <c r="B53" s="20" t="s">
        <v>259</v>
      </c>
      <c r="C53" s="22"/>
      <c r="D53" s="23"/>
      <c r="E53" s="24"/>
      <c r="F53" s="25"/>
      <c r="G53" s="23"/>
      <c r="H53" s="23" t="s">
        <v>1</v>
      </c>
      <c r="I53" s="23"/>
      <c r="J53" s="24" t="s">
        <v>1</v>
      </c>
      <c r="K53" s="25"/>
      <c r="L53" s="23"/>
      <c r="M53" s="23"/>
      <c r="N53" s="23"/>
      <c r="O53" s="24"/>
      <c r="P53" s="22"/>
      <c r="Q53" s="53">
        <v>13</v>
      </c>
      <c r="R53" s="27" t="s">
        <v>259</v>
      </c>
      <c r="T53" s="59" t="s">
        <v>921</v>
      </c>
      <c r="U53" s="20">
        <v>22</v>
      </c>
      <c r="V53" s="22"/>
      <c r="W53" s="23"/>
      <c r="X53" s="24"/>
      <c r="Y53" s="25"/>
      <c r="Z53" s="23"/>
      <c r="AA53" s="23"/>
      <c r="AB53" s="23"/>
      <c r="AC53" s="24"/>
      <c r="AD53" s="25"/>
      <c r="AE53" s="23"/>
      <c r="AF53" s="23"/>
      <c r="AG53" s="23"/>
      <c r="AH53" s="24"/>
      <c r="AI53" s="22"/>
      <c r="AJ53" s="53"/>
      <c r="AK53" s="27"/>
    </row>
  </sheetData>
  <mergeCells count="16">
    <mergeCell ref="T1:AK1"/>
    <mergeCell ref="T2:T3"/>
    <mergeCell ref="U2:U3"/>
    <mergeCell ref="V2:V3"/>
    <mergeCell ref="W2:AH2"/>
    <mergeCell ref="AI2:AI3"/>
    <mergeCell ref="AJ2:AJ3"/>
    <mergeCell ref="AK2:AK3"/>
    <mergeCell ref="A1:R1"/>
    <mergeCell ref="A2:A3"/>
    <mergeCell ref="B2:B3"/>
    <mergeCell ref="C2:C3"/>
    <mergeCell ref="D2:O2"/>
    <mergeCell ref="P2:P3"/>
    <mergeCell ref="Q2:Q3"/>
    <mergeCell ref="R2:R3"/>
  </mergeCells>
  <printOptions horizontalCentered="1"/>
  <pageMargins left="0.15" right="0.15" top="0.75" bottom="0.25" header="0.55000000000000004" footer="0.05"/>
  <pageSetup paperSize="3" scale="95" fitToHeight="40" orientation="portrait" r:id="rId1"/>
  <headerFooter scaleWithDoc="0" alignWithMargins="0">
    <oddHeader>&amp;L&amp;12San Mateo - Hayward Br (Br #35-0054)&amp;C&amp;"-,Bold"&amp;12Defect Schedule&amp;R&amp;12&amp;D</oddHeader>
    <oddFooter>&amp;R&amp;10&amp;P/&amp;N</oddFoot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84C45CC-4F2F-4A79-856E-DD6016E64117}">
  <sheetPr>
    <pageSetUpPr fitToPage="1"/>
  </sheetPr>
  <dimension ref="A1:AK67"/>
  <sheetViews>
    <sheetView view="pageBreakPreview" zoomScaleNormal="130" zoomScaleSheetLayoutView="100" workbookViewId="0">
      <selection sqref="A1:R1"/>
    </sheetView>
  </sheetViews>
  <sheetFormatPr defaultColWidth="8.7109375" defaultRowHeight="11.25" x14ac:dyDescent="0.2"/>
  <cols>
    <col min="1" max="1" width="5.42578125" style="81" customWidth="1"/>
    <col min="2" max="3" width="4.140625" style="75" customWidth="1"/>
    <col min="4" max="4" width="3.7109375" style="82" customWidth="1"/>
    <col min="5" max="5" width="3.7109375" style="83" customWidth="1"/>
    <col min="6" max="6" width="3.7109375" style="84" customWidth="1"/>
    <col min="7" max="9" width="3.7109375" style="82" customWidth="1"/>
    <col min="10" max="10" width="3.7109375" style="83" customWidth="1"/>
    <col min="11" max="11" width="3.7109375" style="84" customWidth="1"/>
    <col min="12" max="14" width="3.7109375" style="82" customWidth="1"/>
    <col min="15" max="15" width="4" style="83" customWidth="1"/>
    <col min="16" max="16" width="3.7109375" style="74" customWidth="1"/>
    <col min="17" max="17" width="3.7109375" style="85" customWidth="1"/>
    <col min="18" max="18" width="3.7109375" style="86" customWidth="1"/>
    <col min="19" max="19" width="3.42578125" style="71" customWidth="1"/>
    <col min="20" max="20" width="5.42578125" style="78" customWidth="1"/>
    <col min="21" max="22" width="4.140625" style="78" customWidth="1"/>
    <col min="23" max="33" width="3.7109375" style="78" customWidth="1"/>
    <col min="34" max="34" width="4" style="78" customWidth="1"/>
    <col min="35" max="37" width="3.7109375" style="78" customWidth="1"/>
    <col min="38" max="38" width="8.7109375" style="78"/>
    <col min="39" max="40" width="2.7109375" style="78" bestFit="1" customWidth="1"/>
    <col min="41" max="41" width="8.7109375" style="78"/>
    <col min="42" max="43" width="2.7109375" style="78" bestFit="1" customWidth="1"/>
    <col min="44" max="16384" width="8.7109375" style="78"/>
  </cols>
  <sheetData>
    <row r="1" spans="1:37" s="75" customFormat="1" ht="12" customHeight="1" x14ac:dyDescent="0.25">
      <c r="A1" s="73" t="s">
        <v>5</v>
      </c>
      <c r="B1" s="73"/>
      <c r="C1" s="73"/>
      <c r="D1" s="73"/>
      <c r="E1" s="73"/>
      <c r="F1" s="73"/>
      <c r="G1" s="73"/>
      <c r="H1" s="73"/>
      <c r="I1" s="73"/>
      <c r="J1" s="73"/>
      <c r="K1" s="73"/>
      <c r="L1" s="73"/>
      <c r="M1" s="73"/>
      <c r="N1" s="73"/>
      <c r="O1" s="73"/>
      <c r="P1" s="73"/>
      <c r="Q1" s="73"/>
      <c r="R1" s="73"/>
      <c r="S1" s="74"/>
      <c r="T1" s="73" t="s">
        <v>5</v>
      </c>
      <c r="U1" s="73"/>
      <c r="V1" s="73"/>
      <c r="W1" s="73"/>
      <c r="X1" s="73"/>
      <c r="Y1" s="73"/>
      <c r="Z1" s="73"/>
      <c r="AA1" s="73"/>
      <c r="AB1" s="73"/>
      <c r="AC1" s="73"/>
      <c r="AD1" s="73"/>
      <c r="AE1" s="73"/>
      <c r="AF1" s="73"/>
      <c r="AG1" s="73"/>
      <c r="AH1" s="73"/>
      <c r="AI1" s="73"/>
      <c r="AJ1" s="73"/>
      <c r="AK1" s="73"/>
    </row>
    <row r="2" spans="1:37" s="75" customFormat="1" ht="15" customHeight="1" x14ac:dyDescent="0.25">
      <c r="A2" s="76" t="s">
        <v>1103</v>
      </c>
      <c r="B2" s="76" t="s">
        <v>1104</v>
      </c>
      <c r="C2" s="73" t="s">
        <v>6</v>
      </c>
      <c r="D2" s="73" t="s">
        <v>260</v>
      </c>
      <c r="E2" s="73"/>
      <c r="F2" s="73"/>
      <c r="G2" s="73"/>
      <c r="H2" s="73"/>
      <c r="I2" s="73"/>
      <c r="J2" s="73"/>
      <c r="K2" s="73"/>
      <c r="L2" s="73"/>
      <c r="M2" s="73"/>
      <c r="N2" s="73"/>
      <c r="O2" s="73"/>
      <c r="P2" s="73" t="s">
        <v>7</v>
      </c>
      <c r="Q2" s="72" t="s">
        <v>8</v>
      </c>
      <c r="R2" s="72" t="s">
        <v>1105</v>
      </c>
      <c r="S2" s="74"/>
      <c r="T2" s="76" t="s">
        <v>1103</v>
      </c>
      <c r="U2" s="76" t="s">
        <v>1104</v>
      </c>
      <c r="V2" s="73" t="s">
        <v>6</v>
      </c>
      <c r="W2" s="73" t="s">
        <v>260</v>
      </c>
      <c r="X2" s="73"/>
      <c r="Y2" s="73"/>
      <c r="Z2" s="73"/>
      <c r="AA2" s="73"/>
      <c r="AB2" s="73"/>
      <c r="AC2" s="73"/>
      <c r="AD2" s="73"/>
      <c r="AE2" s="73"/>
      <c r="AF2" s="73"/>
      <c r="AG2" s="73"/>
      <c r="AH2" s="73"/>
      <c r="AI2" s="73" t="s">
        <v>7</v>
      </c>
      <c r="AJ2" s="72" t="s">
        <v>8</v>
      </c>
      <c r="AK2" s="72" t="s">
        <v>1105</v>
      </c>
    </row>
    <row r="3" spans="1:37" ht="25.5" customHeight="1" x14ac:dyDescent="0.2">
      <c r="A3" s="76"/>
      <c r="B3" s="76"/>
      <c r="C3" s="73"/>
      <c r="D3" s="77">
        <v>12</v>
      </c>
      <c r="E3" s="77">
        <v>11</v>
      </c>
      <c r="F3" s="77">
        <v>10</v>
      </c>
      <c r="G3" s="77">
        <v>9</v>
      </c>
      <c r="H3" s="77">
        <v>8</v>
      </c>
      <c r="I3" s="77">
        <v>7</v>
      </c>
      <c r="J3" s="77">
        <v>6</v>
      </c>
      <c r="K3" s="77">
        <v>5</v>
      </c>
      <c r="L3" s="77">
        <v>4</v>
      </c>
      <c r="M3" s="77">
        <v>3</v>
      </c>
      <c r="N3" s="77">
        <v>2</v>
      </c>
      <c r="O3" s="77">
        <v>1</v>
      </c>
      <c r="P3" s="73"/>
      <c r="Q3" s="72"/>
      <c r="R3" s="72"/>
      <c r="T3" s="76"/>
      <c r="U3" s="76"/>
      <c r="V3" s="73"/>
      <c r="W3" s="77">
        <v>12</v>
      </c>
      <c r="X3" s="77">
        <v>11</v>
      </c>
      <c r="Y3" s="77">
        <v>10</v>
      </c>
      <c r="Z3" s="77">
        <v>9</v>
      </c>
      <c r="AA3" s="77">
        <v>8</v>
      </c>
      <c r="AB3" s="77">
        <v>7</v>
      </c>
      <c r="AC3" s="77">
        <v>6</v>
      </c>
      <c r="AD3" s="77">
        <v>5</v>
      </c>
      <c r="AE3" s="77">
        <v>4</v>
      </c>
      <c r="AF3" s="77">
        <v>3</v>
      </c>
      <c r="AG3" s="77">
        <v>2</v>
      </c>
      <c r="AH3" s="77">
        <v>1</v>
      </c>
      <c r="AI3" s="73"/>
      <c r="AJ3" s="72"/>
      <c r="AK3" s="72"/>
    </row>
    <row r="4" spans="1:37" x14ac:dyDescent="0.2">
      <c r="A4" s="63" t="s">
        <v>920</v>
      </c>
      <c r="B4" s="44">
        <v>41</v>
      </c>
      <c r="C4" s="49"/>
      <c r="D4" s="46"/>
      <c r="E4" s="47"/>
      <c r="F4" s="48"/>
      <c r="G4" s="46"/>
      <c r="H4" s="46"/>
      <c r="I4" s="46"/>
      <c r="J4" s="47"/>
      <c r="K4" s="48"/>
      <c r="L4" s="46"/>
      <c r="M4" s="46"/>
      <c r="N4" s="46"/>
      <c r="O4" s="47"/>
      <c r="P4" s="49"/>
      <c r="Q4" s="56"/>
      <c r="R4" s="50"/>
      <c r="T4" s="63" t="s">
        <v>884</v>
      </c>
      <c r="U4" s="44">
        <v>50</v>
      </c>
      <c r="V4" s="49"/>
      <c r="W4" s="46"/>
      <c r="X4" s="47"/>
      <c r="Y4" s="48"/>
      <c r="Z4" s="46"/>
      <c r="AA4" s="46"/>
      <c r="AB4" s="46"/>
      <c r="AC4" s="47"/>
      <c r="AD4" s="48"/>
      <c r="AE4" s="46"/>
      <c r="AF4" s="46"/>
      <c r="AG4" s="46"/>
      <c r="AH4" s="47"/>
      <c r="AI4" s="49"/>
      <c r="AJ4" s="56"/>
      <c r="AK4" s="50"/>
    </row>
    <row r="5" spans="1:37" x14ac:dyDescent="0.2">
      <c r="A5" s="58" t="s">
        <v>919</v>
      </c>
      <c r="B5" s="10">
        <v>24</v>
      </c>
      <c r="C5" s="12"/>
      <c r="D5" s="13"/>
      <c r="E5" s="14"/>
      <c r="F5" s="15"/>
      <c r="G5" s="13"/>
      <c r="H5" s="13"/>
      <c r="I5" s="13"/>
      <c r="J5" s="14"/>
      <c r="K5" s="15"/>
      <c r="L5" s="13"/>
      <c r="M5" s="13"/>
      <c r="N5" s="13"/>
      <c r="O5" s="14"/>
      <c r="P5" s="12"/>
      <c r="Q5" s="52"/>
      <c r="R5" s="18"/>
      <c r="T5" s="58" t="s">
        <v>883</v>
      </c>
      <c r="U5" s="10">
        <v>40</v>
      </c>
      <c r="V5" s="12"/>
      <c r="W5" s="13"/>
      <c r="X5" s="14"/>
      <c r="Y5" s="15"/>
      <c r="Z5" s="13"/>
      <c r="AA5" s="13"/>
      <c r="AB5" s="13"/>
      <c r="AC5" s="14"/>
      <c r="AD5" s="15"/>
      <c r="AE5" s="13"/>
      <c r="AF5" s="13"/>
      <c r="AG5" s="13"/>
      <c r="AH5" s="14"/>
      <c r="AI5" s="12"/>
      <c r="AJ5" s="52"/>
      <c r="AK5" s="18"/>
    </row>
    <row r="6" spans="1:37" x14ac:dyDescent="0.2">
      <c r="A6" s="61" t="s">
        <v>918</v>
      </c>
      <c r="B6" s="10">
        <v>27</v>
      </c>
      <c r="C6" s="12"/>
      <c r="D6" s="13"/>
      <c r="E6" s="14"/>
      <c r="F6" s="15"/>
      <c r="G6" s="13"/>
      <c r="H6" s="13"/>
      <c r="I6" s="13"/>
      <c r="J6" s="14"/>
      <c r="K6" s="15"/>
      <c r="L6" s="13"/>
      <c r="M6" s="13"/>
      <c r="N6" s="13"/>
      <c r="O6" s="14"/>
      <c r="P6" s="12"/>
      <c r="Q6" s="52"/>
      <c r="R6" s="18"/>
      <c r="T6" s="58" t="s">
        <v>882</v>
      </c>
      <c r="U6" s="10">
        <v>42</v>
      </c>
      <c r="V6" s="12"/>
      <c r="W6" s="13"/>
      <c r="X6" s="14"/>
      <c r="Y6" s="15"/>
      <c r="Z6" s="13"/>
      <c r="AA6" s="13"/>
      <c r="AB6" s="13"/>
      <c r="AC6" s="14"/>
      <c r="AD6" s="15"/>
      <c r="AE6" s="13"/>
      <c r="AF6" s="13"/>
      <c r="AG6" s="13"/>
      <c r="AH6" s="14"/>
      <c r="AI6" s="12"/>
      <c r="AJ6" s="52"/>
      <c r="AK6" s="18"/>
    </row>
    <row r="7" spans="1:37" x14ac:dyDescent="0.2">
      <c r="A7" s="58">
        <v>480</v>
      </c>
      <c r="B7" s="10" t="s">
        <v>259</v>
      </c>
      <c r="C7" s="12"/>
      <c r="D7" s="13"/>
      <c r="E7" s="14"/>
      <c r="F7" s="15"/>
      <c r="G7" s="13"/>
      <c r="H7" s="13"/>
      <c r="I7" s="13" t="s">
        <v>1</v>
      </c>
      <c r="J7" s="14"/>
      <c r="K7" s="15"/>
      <c r="L7" s="13"/>
      <c r="M7" s="13"/>
      <c r="N7" s="13"/>
      <c r="O7" s="14"/>
      <c r="P7" s="12"/>
      <c r="Q7" s="52">
        <v>4</v>
      </c>
      <c r="R7" s="18" t="s">
        <v>259</v>
      </c>
      <c r="T7" s="58" t="s">
        <v>881</v>
      </c>
      <c r="U7" s="10">
        <v>31</v>
      </c>
      <c r="V7" s="12"/>
      <c r="W7" s="13"/>
      <c r="X7" s="14"/>
      <c r="Y7" s="15"/>
      <c r="Z7" s="13"/>
      <c r="AA7" s="13"/>
      <c r="AB7" s="13"/>
      <c r="AC7" s="14"/>
      <c r="AD7" s="15"/>
      <c r="AE7" s="13"/>
      <c r="AF7" s="13"/>
      <c r="AG7" s="13"/>
      <c r="AH7" s="14"/>
      <c r="AI7" s="12"/>
      <c r="AJ7" s="52"/>
      <c r="AK7" s="18"/>
    </row>
    <row r="8" spans="1:37" x14ac:dyDescent="0.2">
      <c r="A8" s="59" t="s">
        <v>917</v>
      </c>
      <c r="B8" s="20">
        <v>30</v>
      </c>
      <c r="C8" s="26"/>
      <c r="D8" s="23"/>
      <c r="E8" s="24"/>
      <c r="F8" s="25"/>
      <c r="G8" s="23"/>
      <c r="H8" s="23"/>
      <c r="I8" s="23"/>
      <c r="J8" s="24"/>
      <c r="K8" s="25"/>
      <c r="L8" s="23"/>
      <c r="M8" s="23"/>
      <c r="N8" s="23"/>
      <c r="O8" s="24"/>
      <c r="P8" s="22"/>
      <c r="Q8" s="53"/>
      <c r="R8" s="27"/>
      <c r="T8" s="59" t="s">
        <v>880</v>
      </c>
      <c r="U8" s="20">
        <v>44</v>
      </c>
      <c r="V8" s="22"/>
      <c r="W8" s="23"/>
      <c r="X8" s="24"/>
      <c r="Y8" s="25"/>
      <c r="Z8" s="23"/>
      <c r="AA8" s="23"/>
      <c r="AB8" s="23"/>
      <c r="AC8" s="24"/>
      <c r="AD8" s="25"/>
      <c r="AE8" s="23"/>
      <c r="AF8" s="23"/>
      <c r="AG8" s="23"/>
      <c r="AH8" s="24"/>
      <c r="AI8" s="22"/>
      <c r="AJ8" s="53"/>
      <c r="AK8" s="27"/>
    </row>
    <row r="9" spans="1:37" x14ac:dyDescent="0.2">
      <c r="A9" s="60">
        <v>481</v>
      </c>
      <c r="B9" s="1" t="s">
        <v>259</v>
      </c>
      <c r="C9" s="7" t="s">
        <v>0</v>
      </c>
      <c r="D9" s="4"/>
      <c r="E9" s="5"/>
      <c r="F9" s="6"/>
      <c r="G9" s="4"/>
      <c r="H9" s="4"/>
      <c r="I9" s="4"/>
      <c r="J9" s="5"/>
      <c r="K9" s="6"/>
      <c r="L9" s="4"/>
      <c r="M9" s="4"/>
      <c r="N9" s="4"/>
      <c r="O9" s="5"/>
      <c r="P9" s="3"/>
      <c r="Q9" s="51">
        <v>3</v>
      </c>
      <c r="R9" s="8" t="s">
        <v>259</v>
      </c>
      <c r="T9" s="60" t="s">
        <v>70</v>
      </c>
      <c r="U9" s="1" t="s">
        <v>259</v>
      </c>
      <c r="V9" s="7" t="s">
        <v>0</v>
      </c>
      <c r="W9" s="4"/>
      <c r="X9" s="5"/>
      <c r="Y9" s="6"/>
      <c r="Z9" s="4"/>
      <c r="AA9" s="4"/>
      <c r="AB9" s="4"/>
      <c r="AC9" s="5"/>
      <c r="AD9" s="6"/>
      <c r="AE9" s="4"/>
      <c r="AF9" s="4"/>
      <c r="AG9" s="4"/>
      <c r="AH9" s="5"/>
      <c r="AI9" s="3"/>
      <c r="AJ9" s="51">
        <v>3</v>
      </c>
      <c r="AK9" s="8" t="s">
        <v>259</v>
      </c>
    </row>
    <row r="10" spans="1:37" x14ac:dyDescent="0.2">
      <c r="A10" s="58" t="s">
        <v>916</v>
      </c>
      <c r="B10" s="10">
        <v>27</v>
      </c>
      <c r="C10" s="12"/>
      <c r="D10" s="13"/>
      <c r="E10" s="14"/>
      <c r="F10" s="15"/>
      <c r="G10" s="13"/>
      <c r="H10" s="13"/>
      <c r="I10" s="13"/>
      <c r="J10" s="14"/>
      <c r="K10" s="15"/>
      <c r="L10" s="13"/>
      <c r="M10" s="13"/>
      <c r="N10" s="13"/>
      <c r="O10" s="14"/>
      <c r="P10" s="12"/>
      <c r="Q10" s="52"/>
      <c r="R10" s="18"/>
      <c r="T10" s="58" t="s">
        <v>879</v>
      </c>
      <c r="U10" s="10">
        <v>44</v>
      </c>
      <c r="V10" s="12"/>
      <c r="W10" s="13"/>
      <c r="X10" s="14"/>
      <c r="Y10" s="15"/>
      <c r="Z10" s="13"/>
      <c r="AA10" s="13"/>
      <c r="AB10" s="13"/>
      <c r="AC10" s="14"/>
      <c r="AD10" s="15"/>
      <c r="AE10" s="13"/>
      <c r="AF10" s="13"/>
      <c r="AG10" s="13"/>
      <c r="AH10" s="14"/>
      <c r="AI10" s="12"/>
      <c r="AJ10" s="52"/>
      <c r="AK10" s="18"/>
    </row>
    <row r="11" spans="1:37" x14ac:dyDescent="0.2">
      <c r="A11" s="58">
        <v>482</v>
      </c>
      <c r="B11" s="10" t="s">
        <v>259</v>
      </c>
      <c r="C11" s="12"/>
      <c r="D11" s="13"/>
      <c r="E11" s="14"/>
      <c r="F11" s="15"/>
      <c r="G11" s="13"/>
      <c r="H11" s="13"/>
      <c r="I11" s="13"/>
      <c r="J11" s="14"/>
      <c r="K11" s="15"/>
      <c r="L11" s="13"/>
      <c r="M11" s="13" t="s">
        <v>1</v>
      </c>
      <c r="N11" s="13"/>
      <c r="O11" s="14"/>
      <c r="P11" s="12"/>
      <c r="Q11" s="52">
        <v>4</v>
      </c>
      <c r="R11" s="18" t="s">
        <v>259</v>
      </c>
      <c r="T11" s="58" t="s">
        <v>878</v>
      </c>
      <c r="U11" s="10">
        <v>27</v>
      </c>
      <c r="V11" s="12"/>
      <c r="W11" s="13"/>
      <c r="X11" s="14"/>
      <c r="Y11" s="15"/>
      <c r="Z11" s="13"/>
      <c r="AA11" s="13"/>
      <c r="AB11" s="13"/>
      <c r="AC11" s="14"/>
      <c r="AD11" s="15"/>
      <c r="AE11" s="13"/>
      <c r="AF11" s="13"/>
      <c r="AG11" s="13"/>
      <c r="AH11" s="14"/>
      <c r="AI11" s="12"/>
      <c r="AJ11" s="52"/>
      <c r="AK11" s="18"/>
    </row>
    <row r="12" spans="1:37" x14ac:dyDescent="0.2">
      <c r="A12" s="58" t="s">
        <v>915</v>
      </c>
      <c r="B12" s="10">
        <v>9</v>
      </c>
      <c r="C12" s="12"/>
      <c r="D12" s="13"/>
      <c r="E12" s="14"/>
      <c r="F12" s="15"/>
      <c r="G12" s="13"/>
      <c r="H12" s="13"/>
      <c r="I12" s="13"/>
      <c r="J12" s="14"/>
      <c r="K12" s="15"/>
      <c r="L12" s="13"/>
      <c r="M12" s="13"/>
      <c r="N12" s="13"/>
      <c r="O12" s="14"/>
      <c r="P12" s="12"/>
      <c r="Q12" s="52"/>
      <c r="R12" s="18"/>
      <c r="T12" s="58">
        <v>521</v>
      </c>
      <c r="U12" s="10" t="s">
        <v>259</v>
      </c>
      <c r="V12" s="12"/>
      <c r="W12" s="13"/>
      <c r="X12" s="14"/>
      <c r="Y12" s="15"/>
      <c r="Z12" s="13"/>
      <c r="AA12" s="13"/>
      <c r="AB12" s="13"/>
      <c r="AC12" s="14"/>
      <c r="AD12" s="15" t="s">
        <v>1</v>
      </c>
      <c r="AE12" s="13"/>
      <c r="AF12" s="13"/>
      <c r="AG12" s="13"/>
      <c r="AH12" s="14"/>
      <c r="AI12" s="12"/>
      <c r="AJ12" s="52">
        <v>4</v>
      </c>
      <c r="AK12" s="18" t="s">
        <v>259</v>
      </c>
    </row>
    <row r="13" spans="1:37" x14ac:dyDescent="0.2">
      <c r="A13" s="59">
        <v>483</v>
      </c>
      <c r="B13" s="20" t="s">
        <v>259</v>
      </c>
      <c r="C13" s="22"/>
      <c r="D13" s="23"/>
      <c r="E13" s="24"/>
      <c r="F13" s="25"/>
      <c r="G13" s="23"/>
      <c r="H13" s="23"/>
      <c r="I13" s="23" t="s">
        <v>2</v>
      </c>
      <c r="J13" s="24" t="s">
        <v>2</v>
      </c>
      <c r="K13" s="25"/>
      <c r="L13" s="23"/>
      <c r="M13" s="23"/>
      <c r="N13" s="23"/>
      <c r="O13" s="24"/>
      <c r="P13" s="22"/>
      <c r="Q13" s="55" t="s">
        <v>259</v>
      </c>
      <c r="R13" s="27">
        <v>8</v>
      </c>
      <c r="T13" s="59" t="s">
        <v>877</v>
      </c>
      <c r="U13" s="20">
        <v>31</v>
      </c>
      <c r="V13" s="22"/>
      <c r="W13" s="23"/>
      <c r="X13" s="24"/>
      <c r="Y13" s="25"/>
      <c r="Z13" s="23"/>
      <c r="AA13" s="23"/>
      <c r="AB13" s="23"/>
      <c r="AC13" s="24"/>
      <c r="AD13" s="25"/>
      <c r="AE13" s="23"/>
      <c r="AF13" s="23"/>
      <c r="AG13" s="23"/>
      <c r="AH13" s="24"/>
      <c r="AI13" s="22"/>
      <c r="AJ13" s="53"/>
      <c r="AK13" s="27"/>
    </row>
    <row r="14" spans="1:37" x14ac:dyDescent="0.2">
      <c r="A14" s="60" t="s">
        <v>68</v>
      </c>
      <c r="B14" s="1" t="s">
        <v>259</v>
      </c>
      <c r="C14" s="7" t="s">
        <v>0</v>
      </c>
      <c r="D14" s="4"/>
      <c r="E14" s="5"/>
      <c r="F14" s="6"/>
      <c r="G14" s="4"/>
      <c r="H14" s="4"/>
      <c r="I14" s="4"/>
      <c r="J14" s="5"/>
      <c r="K14" s="6"/>
      <c r="L14" s="4"/>
      <c r="M14" s="4"/>
      <c r="N14" s="4"/>
      <c r="O14" s="5"/>
      <c r="P14" s="3"/>
      <c r="Q14" s="66">
        <v>3</v>
      </c>
      <c r="R14" s="8" t="s">
        <v>259</v>
      </c>
      <c r="T14" s="60" t="s">
        <v>876</v>
      </c>
      <c r="U14" s="1">
        <v>18</v>
      </c>
      <c r="V14" s="3"/>
      <c r="W14" s="4"/>
      <c r="X14" s="5"/>
      <c r="Y14" s="6"/>
      <c r="Z14" s="4"/>
      <c r="AA14" s="4"/>
      <c r="AB14" s="4"/>
      <c r="AC14" s="5"/>
      <c r="AD14" s="6"/>
      <c r="AE14" s="4"/>
      <c r="AF14" s="4"/>
      <c r="AG14" s="4"/>
      <c r="AH14" s="5"/>
      <c r="AI14" s="3"/>
      <c r="AJ14" s="51"/>
      <c r="AK14" s="8"/>
    </row>
    <row r="15" spans="1:37" x14ac:dyDescent="0.2">
      <c r="A15" s="58" t="s">
        <v>914</v>
      </c>
      <c r="B15" s="10">
        <v>44</v>
      </c>
      <c r="C15" s="17"/>
      <c r="D15" s="34"/>
      <c r="E15" s="35"/>
      <c r="F15" s="36"/>
      <c r="G15" s="34"/>
      <c r="H15" s="34"/>
      <c r="I15" s="34"/>
      <c r="J15" s="35"/>
      <c r="K15" s="36"/>
      <c r="L15" s="34"/>
      <c r="M15" s="34"/>
      <c r="N15" s="34"/>
      <c r="O15" s="35"/>
      <c r="P15" s="17"/>
      <c r="Q15" s="52"/>
      <c r="R15" s="18"/>
      <c r="T15" s="58" t="s">
        <v>875</v>
      </c>
      <c r="U15" s="10">
        <v>31</v>
      </c>
      <c r="V15" s="12"/>
      <c r="W15" s="13"/>
      <c r="X15" s="14"/>
      <c r="Y15" s="15"/>
      <c r="Z15" s="13"/>
      <c r="AA15" s="13"/>
      <c r="AB15" s="13"/>
      <c r="AC15" s="14"/>
      <c r="AD15" s="15"/>
      <c r="AE15" s="13"/>
      <c r="AF15" s="13"/>
      <c r="AG15" s="13"/>
      <c r="AH15" s="14"/>
      <c r="AI15" s="12"/>
      <c r="AJ15" s="52"/>
      <c r="AK15" s="18"/>
    </row>
    <row r="16" spans="1:37" x14ac:dyDescent="0.2">
      <c r="A16" s="58" t="s">
        <v>913</v>
      </c>
      <c r="B16" s="10">
        <v>5</v>
      </c>
      <c r="C16" s="12"/>
      <c r="D16" s="13"/>
      <c r="E16" s="14"/>
      <c r="F16" s="15"/>
      <c r="G16" s="13"/>
      <c r="H16" s="13"/>
      <c r="I16" s="13"/>
      <c r="J16" s="14"/>
      <c r="K16" s="15"/>
      <c r="L16" s="13"/>
      <c r="M16" s="13"/>
      <c r="N16" s="13"/>
      <c r="O16" s="14"/>
      <c r="P16" s="12"/>
      <c r="Q16" s="52"/>
      <c r="R16" s="18"/>
      <c r="T16" s="58">
        <v>524</v>
      </c>
      <c r="U16" s="10" t="s">
        <v>259</v>
      </c>
      <c r="V16" s="17" t="s">
        <v>0</v>
      </c>
      <c r="W16" s="13"/>
      <c r="X16" s="14"/>
      <c r="Y16" s="15"/>
      <c r="Z16" s="13"/>
      <c r="AA16" s="13"/>
      <c r="AB16" s="13"/>
      <c r="AC16" s="14"/>
      <c r="AD16" s="15"/>
      <c r="AE16" s="13"/>
      <c r="AF16" s="13"/>
      <c r="AG16" s="13"/>
      <c r="AH16" s="14"/>
      <c r="AI16" s="12"/>
      <c r="AJ16" s="52">
        <v>3</v>
      </c>
      <c r="AK16" s="18" t="s">
        <v>259</v>
      </c>
    </row>
    <row r="17" spans="1:37" x14ac:dyDescent="0.2">
      <c r="A17" s="58">
        <v>485</v>
      </c>
      <c r="B17" s="10" t="s">
        <v>259</v>
      </c>
      <c r="C17" s="12"/>
      <c r="D17" s="13"/>
      <c r="E17" s="14"/>
      <c r="F17" s="15"/>
      <c r="G17" s="13"/>
      <c r="H17" s="13"/>
      <c r="I17" s="13"/>
      <c r="J17" s="14"/>
      <c r="K17" s="15" t="s">
        <v>1</v>
      </c>
      <c r="L17" s="13"/>
      <c r="M17" s="13"/>
      <c r="N17" s="13"/>
      <c r="O17" s="14"/>
      <c r="P17" s="12"/>
      <c r="Q17" s="54">
        <v>6</v>
      </c>
      <c r="R17" s="18" t="s">
        <v>259</v>
      </c>
      <c r="T17" s="58" t="s">
        <v>874</v>
      </c>
      <c r="U17" s="10">
        <v>44</v>
      </c>
      <c r="V17" s="12"/>
      <c r="W17" s="13"/>
      <c r="X17" s="14"/>
      <c r="Y17" s="15"/>
      <c r="Z17" s="13"/>
      <c r="AA17" s="13"/>
      <c r="AB17" s="13"/>
      <c r="AC17" s="14"/>
      <c r="AD17" s="15"/>
      <c r="AE17" s="13"/>
      <c r="AF17" s="13"/>
      <c r="AG17" s="13"/>
      <c r="AH17" s="14"/>
      <c r="AI17" s="12"/>
      <c r="AJ17" s="52"/>
      <c r="AK17" s="18"/>
    </row>
    <row r="18" spans="1:37" x14ac:dyDescent="0.2">
      <c r="A18" s="59" t="s">
        <v>912</v>
      </c>
      <c r="B18" s="20">
        <v>31</v>
      </c>
      <c r="C18" s="26"/>
      <c r="D18" s="23"/>
      <c r="E18" s="24"/>
      <c r="F18" s="25"/>
      <c r="G18" s="23"/>
      <c r="H18" s="23"/>
      <c r="I18" s="23"/>
      <c r="J18" s="24"/>
      <c r="K18" s="25"/>
      <c r="L18" s="23"/>
      <c r="M18" s="23"/>
      <c r="N18" s="23"/>
      <c r="O18" s="24"/>
      <c r="P18" s="22"/>
      <c r="Q18" s="53"/>
      <c r="R18" s="27"/>
      <c r="T18" s="59" t="s">
        <v>873</v>
      </c>
      <c r="U18" s="20">
        <v>44</v>
      </c>
      <c r="V18" s="22"/>
      <c r="W18" s="23"/>
      <c r="X18" s="24"/>
      <c r="Y18" s="25"/>
      <c r="Z18" s="23"/>
      <c r="AA18" s="23"/>
      <c r="AB18" s="23"/>
      <c r="AC18" s="24"/>
      <c r="AD18" s="25"/>
      <c r="AE18" s="23"/>
      <c r="AF18" s="23"/>
      <c r="AG18" s="23"/>
      <c r="AH18" s="24"/>
      <c r="AI18" s="22"/>
      <c r="AJ18" s="53"/>
      <c r="AK18" s="27"/>
    </row>
    <row r="19" spans="1:37" x14ac:dyDescent="0.2">
      <c r="A19" s="60">
        <v>486</v>
      </c>
      <c r="B19" s="1" t="s">
        <v>259</v>
      </c>
      <c r="C19" s="3"/>
      <c r="D19" s="4"/>
      <c r="E19" s="5"/>
      <c r="F19" s="6"/>
      <c r="G19" s="4"/>
      <c r="H19" s="4"/>
      <c r="I19" s="4" t="s">
        <v>2</v>
      </c>
      <c r="J19" s="5" t="s">
        <v>2</v>
      </c>
      <c r="K19" s="6"/>
      <c r="L19" s="4"/>
      <c r="M19" s="4"/>
      <c r="N19" s="4"/>
      <c r="O19" s="5"/>
      <c r="P19" s="3"/>
      <c r="Q19" s="66" t="s">
        <v>259</v>
      </c>
      <c r="R19" s="8">
        <v>8</v>
      </c>
      <c r="T19" s="60" t="s">
        <v>872</v>
      </c>
      <c r="U19" s="1">
        <v>40</v>
      </c>
      <c r="V19" s="3"/>
      <c r="W19" s="4"/>
      <c r="X19" s="5"/>
      <c r="Y19" s="6"/>
      <c r="Z19" s="4"/>
      <c r="AA19" s="4"/>
      <c r="AB19" s="4"/>
      <c r="AC19" s="5"/>
      <c r="AD19" s="6"/>
      <c r="AE19" s="4"/>
      <c r="AF19" s="4"/>
      <c r="AG19" s="4"/>
      <c r="AH19" s="5"/>
      <c r="AI19" s="3"/>
      <c r="AJ19" s="51"/>
      <c r="AK19" s="8"/>
    </row>
    <row r="20" spans="1:37" x14ac:dyDescent="0.2">
      <c r="A20" s="58" t="s">
        <v>911</v>
      </c>
      <c r="B20" s="10">
        <v>31</v>
      </c>
      <c r="C20" s="12"/>
      <c r="D20" s="13"/>
      <c r="E20" s="14"/>
      <c r="F20" s="15"/>
      <c r="G20" s="13"/>
      <c r="H20" s="13"/>
      <c r="I20" s="13"/>
      <c r="J20" s="14"/>
      <c r="K20" s="15"/>
      <c r="L20" s="13"/>
      <c r="M20" s="13"/>
      <c r="N20" s="13"/>
      <c r="O20" s="14"/>
      <c r="P20" s="12"/>
      <c r="Q20" s="52"/>
      <c r="R20" s="18"/>
      <c r="T20" s="58" t="s">
        <v>871</v>
      </c>
      <c r="U20" s="10">
        <v>58</v>
      </c>
      <c r="V20" s="12"/>
      <c r="W20" s="13"/>
      <c r="X20" s="14"/>
      <c r="Y20" s="15"/>
      <c r="Z20" s="13"/>
      <c r="AA20" s="13"/>
      <c r="AB20" s="13"/>
      <c r="AC20" s="14"/>
      <c r="AD20" s="15"/>
      <c r="AE20" s="13"/>
      <c r="AF20" s="13"/>
      <c r="AG20" s="13"/>
      <c r="AH20" s="14"/>
      <c r="AI20" s="12"/>
      <c r="AJ20" s="52"/>
      <c r="AK20" s="18"/>
    </row>
    <row r="21" spans="1:37" x14ac:dyDescent="0.2">
      <c r="A21" s="58">
        <v>487</v>
      </c>
      <c r="B21" s="10" t="s">
        <v>259</v>
      </c>
      <c r="C21" s="12"/>
      <c r="D21" s="13"/>
      <c r="E21" s="14"/>
      <c r="F21" s="15"/>
      <c r="G21" s="13"/>
      <c r="H21" s="13"/>
      <c r="I21" s="13"/>
      <c r="J21" s="14"/>
      <c r="K21" s="15" t="s">
        <v>1</v>
      </c>
      <c r="L21" s="13"/>
      <c r="M21" s="13"/>
      <c r="N21" s="13"/>
      <c r="O21" s="14"/>
      <c r="P21" s="12"/>
      <c r="Q21" s="52">
        <v>2</v>
      </c>
      <c r="R21" s="18" t="s">
        <v>259</v>
      </c>
      <c r="T21" s="58" t="s">
        <v>870</v>
      </c>
      <c r="U21" s="10">
        <v>35</v>
      </c>
      <c r="V21" s="17"/>
      <c r="W21" s="13"/>
      <c r="X21" s="14"/>
      <c r="Y21" s="15"/>
      <c r="Z21" s="13"/>
      <c r="AA21" s="13"/>
      <c r="AB21" s="13"/>
      <c r="AC21" s="14"/>
      <c r="AD21" s="15"/>
      <c r="AE21" s="13"/>
      <c r="AF21" s="13"/>
      <c r="AG21" s="13"/>
      <c r="AH21" s="14"/>
      <c r="AI21" s="12"/>
      <c r="AJ21" s="52"/>
      <c r="AK21" s="18"/>
    </row>
    <row r="22" spans="1:37" x14ac:dyDescent="0.2">
      <c r="A22" s="58" t="s">
        <v>910</v>
      </c>
      <c r="B22" s="10">
        <v>31</v>
      </c>
      <c r="C22" s="12"/>
      <c r="D22" s="13"/>
      <c r="E22" s="14"/>
      <c r="F22" s="15"/>
      <c r="G22" s="13"/>
      <c r="H22" s="13"/>
      <c r="I22" s="13"/>
      <c r="J22" s="14"/>
      <c r="K22" s="15"/>
      <c r="L22" s="13"/>
      <c r="M22" s="13"/>
      <c r="N22" s="13"/>
      <c r="O22" s="14"/>
      <c r="P22" s="12"/>
      <c r="Q22" s="52"/>
      <c r="R22" s="18"/>
      <c r="T22" s="58" t="s">
        <v>869</v>
      </c>
      <c r="U22" s="10">
        <v>31</v>
      </c>
      <c r="V22" s="17"/>
      <c r="W22" s="13"/>
      <c r="X22" s="14"/>
      <c r="Y22" s="15"/>
      <c r="Z22" s="13"/>
      <c r="AA22" s="13"/>
      <c r="AB22" s="13"/>
      <c r="AC22" s="14"/>
      <c r="AD22" s="15"/>
      <c r="AE22" s="13"/>
      <c r="AF22" s="13"/>
      <c r="AG22" s="13"/>
      <c r="AH22" s="14"/>
      <c r="AI22" s="12"/>
      <c r="AJ22" s="52"/>
      <c r="AK22" s="18"/>
    </row>
    <row r="23" spans="1:37" x14ac:dyDescent="0.2">
      <c r="A23" s="59" t="s">
        <v>909</v>
      </c>
      <c r="B23" s="20">
        <v>27</v>
      </c>
      <c r="C23" s="22"/>
      <c r="D23" s="23"/>
      <c r="E23" s="24"/>
      <c r="F23" s="25"/>
      <c r="G23" s="23"/>
      <c r="H23" s="23"/>
      <c r="I23" s="23"/>
      <c r="J23" s="24"/>
      <c r="K23" s="25"/>
      <c r="L23" s="23"/>
      <c r="M23" s="23"/>
      <c r="N23" s="23"/>
      <c r="O23" s="24"/>
      <c r="P23" s="22"/>
      <c r="Q23" s="53"/>
      <c r="R23" s="27"/>
      <c r="T23" s="59" t="s">
        <v>868</v>
      </c>
      <c r="U23" s="20">
        <v>40</v>
      </c>
      <c r="V23" s="22"/>
      <c r="W23" s="23"/>
      <c r="X23" s="24"/>
      <c r="Y23" s="25"/>
      <c r="Z23" s="23"/>
      <c r="AA23" s="23"/>
      <c r="AB23" s="23"/>
      <c r="AC23" s="24"/>
      <c r="AD23" s="25"/>
      <c r="AE23" s="23"/>
      <c r="AF23" s="23"/>
      <c r="AG23" s="23"/>
      <c r="AH23" s="24"/>
      <c r="AI23" s="22"/>
      <c r="AJ23" s="53"/>
      <c r="AK23" s="27"/>
    </row>
    <row r="24" spans="1:37" x14ac:dyDescent="0.2">
      <c r="A24" s="57" t="s">
        <v>908</v>
      </c>
      <c r="B24" s="1">
        <v>31</v>
      </c>
      <c r="C24" s="3"/>
      <c r="D24" s="4"/>
      <c r="E24" s="5"/>
      <c r="F24" s="6"/>
      <c r="G24" s="4"/>
      <c r="H24" s="4"/>
      <c r="I24" s="4"/>
      <c r="J24" s="5"/>
      <c r="K24" s="6"/>
      <c r="L24" s="4"/>
      <c r="M24" s="4"/>
      <c r="N24" s="4"/>
      <c r="O24" s="5"/>
      <c r="P24" s="3"/>
      <c r="Q24" s="51"/>
      <c r="R24" s="8"/>
      <c r="T24" s="60">
        <v>531</v>
      </c>
      <c r="U24" s="1" t="s">
        <v>259</v>
      </c>
      <c r="V24" s="3"/>
      <c r="W24" s="4"/>
      <c r="X24" s="5"/>
      <c r="Y24" s="6"/>
      <c r="Z24" s="4"/>
      <c r="AA24" s="4"/>
      <c r="AB24" s="4"/>
      <c r="AC24" s="5" t="s">
        <v>1</v>
      </c>
      <c r="AD24" s="6"/>
      <c r="AE24" s="4"/>
      <c r="AF24" s="4"/>
      <c r="AG24" s="4"/>
      <c r="AH24" s="5"/>
      <c r="AI24" s="3"/>
      <c r="AJ24" s="51">
        <v>4</v>
      </c>
      <c r="AK24" s="8" t="s">
        <v>259</v>
      </c>
    </row>
    <row r="25" spans="1:37" x14ac:dyDescent="0.2">
      <c r="A25" s="61" t="s">
        <v>907</v>
      </c>
      <c r="B25" s="10">
        <v>31</v>
      </c>
      <c r="C25" s="17"/>
      <c r="D25" s="13"/>
      <c r="E25" s="14"/>
      <c r="F25" s="15"/>
      <c r="G25" s="13"/>
      <c r="H25" s="13"/>
      <c r="I25" s="13"/>
      <c r="J25" s="14"/>
      <c r="K25" s="15"/>
      <c r="L25" s="13"/>
      <c r="M25" s="13"/>
      <c r="N25" s="13"/>
      <c r="O25" s="14"/>
      <c r="P25" s="12"/>
      <c r="Q25" s="52"/>
      <c r="R25" s="18"/>
      <c r="T25" s="58" t="s">
        <v>867</v>
      </c>
      <c r="U25" s="10">
        <v>36</v>
      </c>
      <c r="V25" s="12"/>
      <c r="W25" s="13"/>
      <c r="X25" s="14"/>
      <c r="Y25" s="15"/>
      <c r="Z25" s="13"/>
      <c r="AA25" s="13"/>
      <c r="AB25" s="13"/>
      <c r="AC25" s="14"/>
      <c r="AD25" s="15"/>
      <c r="AE25" s="13"/>
      <c r="AF25" s="13"/>
      <c r="AG25" s="13"/>
      <c r="AH25" s="14"/>
      <c r="AI25" s="12"/>
      <c r="AJ25" s="52"/>
      <c r="AK25" s="18"/>
    </row>
    <row r="26" spans="1:37" x14ac:dyDescent="0.2">
      <c r="A26" s="58" t="s">
        <v>906</v>
      </c>
      <c r="B26" s="10">
        <v>40</v>
      </c>
      <c r="C26" s="12"/>
      <c r="D26" s="13"/>
      <c r="E26" s="14"/>
      <c r="F26" s="15"/>
      <c r="G26" s="13"/>
      <c r="H26" s="13"/>
      <c r="I26" s="13"/>
      <c r="J26" s="14"/>
      <c r="K26" s="15"/>
      <c r="L26" s="13"/>
      <c r="M26" s="13"/>
      <c r="N26" s="13"/>
      <c r="O26" s="14"/>
      <c r="P26" s="12"/>
      <c r="Q26" s="52"/>
      <c r="R26" s="18"/>
      <c r="T26" s="58">
        <v>532</v>
      </c>
      <c r="U26" s="10" t="s">
        <v>259</v>
      </c>
      <c r="V26" s="12"/>
      <c r="W26" s="13"/>
      <c r="X26" s="14"/>
      <c r="Y26" s="15"/>
      <c r="Z26" s="13"/>
      <c r="AA26" s="13"/>
      <c r="AB26" s="13"/>
      <c r="AC26" s="14"/>
      <c r="AD26" s="15" t="s">
        <v>1</v>
      </c>
      <c r="AE26" s="13"/>
      <c r="AF26" s="13"/>
      <c r="AG26" s="13"/>
      <c r="AH26" s="14"/>
      <c r="AI26" s="12"/>
      <c r="AJ26" s="52">
        <v>4</v>
      </c>
      <c r="AK26" s="18" t="s">
        <v>259</v>
      </c>
    </row>
    <row r="27" spans="1:37" x14ac:dyDescent="0.2">
      <c r="A27" s="61" t="s">
        <v>905</v>
      </c>
      <c r="B27" s="32">
        <v>22</v>
      </c>
      <c r="C27" s="17"/>
      <c r="D27" s="34"/>
      <c r="E27" s="35"/>
      <c r="F27" s="36"/>
      <c r="G27" s="34"/>
      <c r="H27" s="34"/>
      <c r="I27" s="34"/>
      <c r="J27" s="35"/>
      <c r="K27" s="36"/>
      <c r="L27" s="34"/>
      <c r="M27" s="34"/>
      <c r="N27" s="34"/>
      <c r="O27" s="35"/>
      <c r="P27" s="17"/>
      <c r="Q27" s="52"/>
      <c r="R27" s="18"/>
      <c r="T27" s="58" t="s">
        <v>866</v>
      </c>
      <c r="U27" s="10">
        <v>44</v>
      </c>
      <c r="V27" s="12"/>
      <c r="W27" s="13"/>
      <c r="X27" s="14"/>
      <c r="Y27" s="15"/>
      <c r="Z27" s="13"/>
      <c r="AA27" s="13"/>
      <c r="AB27" s="13"/>
      <c r="AC27" s="14"/>
      <c r="AD27" s="15"/>
      <c r="AE27" s="13"/>
      <c r="AF27" s="13"/>
      <c r="AG27" s="13"/>
      <c r="AH27" s="14"/>
      <c r="AI27" s="12"/>
      <c r="AJ27" s="52"/>
      <c r="AK27" s="18"/>
    </row>
    <row r="28" spans="1:37" x14ac:dyDescent="0.2">
      <c r="A28" s="59" t="s">
        <v>904</v>
      </c>
      <c r="B28" s="20">
        <v>53</v>
      </c>
      <c r="C28" s="22"/>
      <c r="D28" s="23"/>
      <c r="E28" s="24"/>
      <c r="F28" s="25"/>
      <c r="G28" s="23"/>
      <c r="H28" s="23"/>
      <c r="I28" s="23"/>
      <c r="J28" s="24"/>
      <c r="K28" s="25"/>
      <c r="L28" s="23"/>
      <c r="M28" s="23"/>
      <c r="N28" s="23"/>
      <c r="O28" s="24"/>
      <c r="P28" s="22"/>
      <c r="Q28" s="53"/>
      <c r="R28" s="27"/>
      <c r="T28" s="59" t="s">
        <v>865</v>
      </c>
      <c r="U28" s="20">
        <v>53</v>
      </c>
      <c r="V28" s="22"/>
      <c r="W28" s="23"/>
      <c r="X28" s="24"/>
      <c r="Y28" s="25"/>
      <c r="Z28" s="23"/>
      <c r="AA28" s="23"/>
      <c r="AB28" s="23"/>
      <c r="AC28" s="24"/>
      <c r="AD28" s="25"/>
      <c r="AE28" s="23"/>
      <c r="AF28" s="23"/>
      <c r="AG28" s="23"/>
      <c r="AH28" s="24"/>
      <c r="AI28" s="22"/>
      <c r="AJ28" s="53"/>
      <c r="AK28" s="27"/>
    </row>
    <row r="29" spans="1:37" x14ac:dyDescent="0.2">
      <c r="A29" s="60" t="s">
        <v>903</v>
      </c>
      <c r="B29" s="1">
        <v>36</v>
      </c>
      <c r="C29" s="7"/>
      <c r="D29" s="40"/>
      <c r="E29" s="41"/>
      <c r="F29" s="42"/>
      <c r="G29" s="40"/>
      <c r="H29" s="40"/>
      <c r="I29" s="40"/>
      <c r="J29" s="41"/>
      <c r="K29" s="42"/>
      <c r="L29" s="40"/>
      <c r="M29" s="40"/>
      <c r="N29" s="40"/>
      <c r="O29" s="41"/>
      <c r="P29" s="7"/>
      <c r="Q29" s="51"/>
      <c r="R29" s="8"/>
      <c r="T29" s="60">
        <v>534</v>
      </c>
      <c r="U29" s="1" t="s">
        <v>259</v>
      </c>
      <c r="V29" s="3"/>
      <c r="W29" s="4"/>
      <c r="X29" s="5"/>
      <c r="Y29" s="6"/>
      <c r="Z29" s="4"/>
      <c r="AA29" s="4"/>
      <c r="AB29" s="4"/>
      <c r="AC29" s="5"/>
      <c r="AD29" s="6"/>
      <c r="AE29" s="4"/>
      <c r="AF29" s="4"/>
      <c r="AG29" s="4"/>
      <c r="AH29" s="5"/>
      <c r="AI29" s="3" t="s">
        <v>0</v>
      </c>
      <c r="AJ29" s="51">
        <v>3</v>
      </c>
      <c r="AK29" s="8" t="s">
        <v>259</v>
      </c>
    </row>
    <row r="30" spans="1:37" x14ac:dyDescent="0.2">
      <c r="A30" s="58" t="s">
        <v>69</v>
      </c>
      <c r="B30" s="10" t="s">
        <v>259</v>
      </c>
      <c r="C30" s="17" t="s">
        <v>0</v>
      </c>
      <c r="D30" s="13"/>
      <c r="E30" s="14"/>
      <c r="F30" s="15"/>
      <c r="G30" s="13"/>
      <c r="H30" s="13"/>
      <c r="I30" s="13"/>
      <c r="J30" s="14"/>
      <c r="K30" s="15"/>
      <c r="L30" s="13"/>
      <c r="M30" s="13"/>
      <c r="N30" s="13"/>
      <c r="O30" s="14"/>
      <c r="P30" s="12"/>
      <c r="Q30" s="52">
        <v>3</v>
      </c>
      <c r="R30" s="18" t="s">
        <v>259</v>
      </c>
      <c r="T30" s="58" t="s">
        <v>864</v>
      </c>
      <c r="U30" s="10">
        <v>36</v>
      </c>
      <c r="V30" s="12"/>
      <c r="W30" s="13"/>
      <c r="X30" s="14"/>
      <c r="Y30" s="15"/>
      <c r="Z30" s="13"/>
      <c r="AA30" s="13"/>
      <c r="AB30" s="13"/>
      <c r="AC30" s="14"/>
      <c r="AD30" s="15"/>
      <c r="AE30" s="13"/>
      <c r="AF30" s="13"/>
      <c r="AG30" s="13"/>
      <c r="AH30" s="14"/>
      <c r="AI30" s="12"/>
      <c r="AJ30" s="52"/>
      <c r="AK30" s="18"/>
    </row>
    <row r="31" spans="1:37" x14ac:dyDescent="0.2">
      <c r="A31" s="58" t="s">
        <v>902</v>
      </c>
      <c r="B31" s="10">
        <v>36</v>
      </c>
      <c r="C31" s="12"/>
      <c r="D31" s="13"/>
      <c r="E31" s="14"/>
      <c r="F31" s="15"/>
      <c r="G31" s="13"/>
      <c r="H31" s="13"/>
      <c r="I31" s="13"/>
      <c r="J31" s="14"/>
      <c r="K31" s="15"/>
      <c r="L31" s="13"/>
      <c r="M31" s="13"/>
      <c r="N31" s="13"/>
      <c r="O31" s="14"/>
      <c r="P31" s="12"/>
      <c r="Q31" s="52"/>
      <c r="R31" s="18"/>
      <c r="T31" s="58" t="s">
        <v>863</v>
      </c>
      <c r="U31" s="10">
        <v>53</v>
      </c>
      <c r="V31" s="12"/>
      <c r="W31" s="13"/>
      <c r="X31" s="14"/>
      <c r="Y31" s="15"/>
      <c r="Z31" s="13"/>
      <c r="AA31" s="13"/>
      <c r="AB31" s="13"/>
      <c r="AC31" s="14"/>
      <c r="AD31" s="15"/>
      <c r="AE31" s="13"/>
      <c r="AF31" s="13"/>
      <c r="AG31" s="13"/>
      <c r="AH31" s="14"/>
      <c r="AI31" s="12"/>
      <c r="AJ31" s="52"/>
      <c r="AK31" s="18"/>
    </row>
    <row r="32" spans="1:37" x14ac:dyDescent="0.2">
      <c r="A32" s="58" t="s">
        <v>901</v>
      </c>
      <c r="B32" s="10">
        <v>49</v>
      </c>
      <c r="C32" s="12"/>
      <c r="D32" s="13"/>
      <c r="E32" s="14"/>
      <c r="F32" s="15"/>
      <c r="G32" s="13"/>
      <c r="H32" s="13"/>
      <c r="I32" s="13"/>
      <c r="J32" s="14"/>
      <c r="K32" s="15"/>
      <c r="L32" s="13"/>
      <c r="M32" s="13"/>
      <c r="N32" s="13"/>
      <c r="O32" s="14"/>
      <c r="P32" s="12"/>
      <c r="Q32" s="52"/>
      <c r="R32" s="18"/>
      <c r="T32" s="58" t="s">
        <v>862</v>
      </c>
      <c r="U32" s="10">
        <v>22</v>
      </c>
      <c r="V32" s="12"/>
      <c r="W32" s="13"/>
      <c r="X32" s="14"/>
      <c r="Y32" s="15"/>
      <c r="Z32" s="13"/>
      <c r="AA32" s="13"/>
      <c r="AB32" s="13"/>
      <c r="AC32" s="14"/>
      <c r="AD32" s="15"/>
      <c r="AE32" s="13"/>
      <c r="AF32" s="13"/>
      <c r="AG32" s="13"/>
      <c r="AH32" s="14"/>
      <c r="AI32" s="12"/>
      <c r="AJ32" s="52"/>
      <c r="AK32" s="18"/>
    </row>
    <row r="33" spans="1:37" x14ac:dyDescent="0.2">
      <c r="A33" s="59" t="s">
        <v>900</v>
      </c>
      <c r="B33" s="20">
        <v>46</v>
      </c>
      <c r="C33" s="22"/>
      <c r="D33" s="23"/>
      <c r="E33" s="24"/>
      <c r="F33" s="25"/>
      <c r="G33" s="23"/>
      <c r="H33" s="23"/>
      <c r="I33" s="23"/>
      <c r="J33" s="24"/>
      <c r="K33" s="25"/>
      <c r="L33" s="23"/>
      <c r="M33" s="23"/>
      <c r="N33" s="23"/>
      <c r="O33" s="24"/>
      <c r="P33" s="22"/>
      <c r="Q33" s="53"/>
      <c r="R33" s="27"/>
      <c r="T33" s="59" t="s">
        <v>861</v>
      </c>
      <c r="U33" s="20">
        <v>53</v>
      </c>
      <c r="V33" s="26"/>
      <c r="W33" s="23"/>
      <c r="X33" s="24"/>
      <c r="Y33" s="25"/>
      <c r="Z33" s="23"/>
      <c r="AA33" s="23"/>
      <c r="AB33" s="23"/>
      <c r="AC33" s="24"/>
      <c r="AD33" s="25"/>
      <c r="AE33" s="23"/>
      <c r="AF33" s="23"/>
      <c r="AG33" s="23"/>
      <c r="AH33" s="24"/>
      <c r="AI33" s="22"/>
      <c r="AJ33" s="53"/>
      <c r="AK33" s="27"/>
    </row>
    <row r="34" spans="1:37" x14ac:dyDescent="0.2">
      <c r="A34" s="60" t="s">
        <v>899</v>
      </c>
      <c r="B34" s="1">
        <v>27</v>
      </c>
      <c r="C34" s="3"/>
      <c r="D34" s="4"/>
      <c r="E34" s="5"/>
      <c r="F34" s="6"/>
      <c r="G34" s="4"/>
      <c r="H34" s="4"/>
      <c r="I34" s="4"/>
      <c r="J34" s="5"/>
      <c r="K34" s="6"/>
      <c r="L34" s="4"/>
      <c r="M34" s="4"/>
      <c r="N34" s="4"/>
      <c r="O34" s="5"/>
      <c r="P34" s="3"/>
      <c r="Q34" s="51"/>
      <c r="R34" s="8"/>
      <c r="T34" s="60" t="s">
        <v>860</v>
      </c>
      <c r="U34" s="1">
        <v>27</v>
      </c>
      <c r="V34" s="7"/>
      <c r="W34" s="4"/>
      <c r="X34" s="5"/>
      <c r="Y34" s="6"/>
      <c r="Z34" s="4"/>
      <c r="AA34" s="4"/>
      <c r="AB34" s="4"/>
      <c r="AC34" s="5"/>
      <c r="AD34" s="6"/>
      <c r="AE34" s="4"/>
      <c r="AF34" s="4"/>
      <c r="AG34" s="4"/>
      <c r="AH34" s="5"/>
      <c r="AI34" s="3"/>
      <c r="AJ34" s="51"/>
      <c r="AK34" s="8"/>
    </row>
    <row r="35" spans="1:37" x14ac:dyDescent="0.2">
      <c r="A35" s="58" t="s">
        <v>898</v>
      </c>
      <c r="B35" s="10">
        <v>44</v>
      </c>
      <c r="C35" s="12"/>
      <c r="D35" s="13"/>
      <c r="E35" s="14"/>
      <c r="F35" s="15"/>
      <c r="G35" s="13"/>
      <c r="H35" s="13"/>
      <c r="I35" s="13"/>
      <c r="J35" s="14"/>
      <c r="K35" s="15"/>
      <c r="L35" s="13"/>
      <c r="M35" s="13"/>
      <c r="N35" s="13"/>
      <c r="O35" s="14"/>
      <c r="P35" s="12"/>
      <c r="Q35" s="52"/>
      <c r="R35" s="18"/>
      <c r="T35" s="58" t="s">
        <v>859</v>
      </c>
      <c r="U35" s="32">
        <v>40</v>
      </c>
      <c r="V35" s="17"/>
      <c r="W35" s="13"/>
      <c r="X35" s="14"/>
      <c r="Y35" s="15"/>
      <c r="Z35" s="13"/>
      <c r="AA35" s="13"/>
      <c r="AB35" s="13"/>
      <c r="AC35" s="14"/>
      <c r="AD35" s="15"/>
      <c r="AE35" s="13"/>
      <c r="AF35" s="13"/>
      <c r="AG35" s="13"/>
      <c r="AH35" s="14"/>
      <c r="AI35" s="12"/>
      <c r="AJ35" s="52"/>
      <c r="AK35" s="18"/>
    </row>
    <row r="36" spans="1:37" x14ac:dyDescent="0.2">
      <c r="A36" s="58">
        <v>500</v>
      </c>
      <c r="B36" s="10" t="s">
        <v>259</v>
      </c>
      <c r="C36" s="12"/>
      <c r="D36" s="13"/>
      <c r="E36" s="14"/>
      <c r="F36" s="15"/>
      <c r="G36" s="13"/>
      <c r="H36" s="13"/>
      <c r="I36" s="13"/>
      <c r="J36" s="14" t="s">
        <v>1</v>
      </c>
      <c r="K36" s="15"/>
      <c r="L36" s="13"/>
      <c r="M36" s="13"/>
      <c r="N36" s="13"/>
      <c r="O36" s="14"/>
      <c r="P36" s="12"/>
      <c r="Q36" s="52">
        <v>9</v>
      </c>
      <c r="R36" s="18" t="s">
        <v>259</v>
      </c>
      <c r="T36" s="58">
        <v>540</v>
      </c>
      <c r="U36" s="10" t="s">
        <v>259</v>
      </c>
      <c r="V36" s="12"/>
      <c r="W36" s="13"/>
      <c r="X36" s="14"/>
      <c r="Y36" s="15"/>
      <c r="Z36" s="13"/>
      <c r="AA36" s="13"/>
      <c r="AB36" s="13" t="s">
        <v>1</v>
      </c>
      <c r="AC36" s="14"/>
      <c r="AD36" s="15"/>
      <c r="AE36" s="13"/>
      <c r="AF36" s="13"/>
      <c r="AG36" s="13"/>
      <c r="AH36" s="14"/>
      <c r="AI36" s="12"/>
      <c r="AJ36" s="52">
        <v>4</v>
      </c>
      <c r="AK36" s="18" t="s">
        <v>259</v>
      </c>
    </row>
    <row r="37" spans="1:37" x14ac:dyDescent="0.2">
      <c r="A37" s="58" t="s">
        <v>897</v>
      </c>
      <c r="B37" s="10">
        <v>36</v>
      </c>
      <c r="C37" s="12"/>
      <c r="D37" s="13"/>
      <c r="E37" s="14"/>
      <c r="F37" s="15"/>
      <c r="G37" s="13"/>
      <c r="H37" s="13"/>
      <c r="I37" s="13"/>
      <c r="J37" s="14"/>
      <c r="K37" s="15"/>
      <c r="L37" s="13"/>
      <c r="M37" s="13"/>
      <c r="N37" s="13"/>
      <c r="O37" s="14"/>
      <c r="P37" s="12"/>
      <c r="Q37" s="52"/>
      <c r="R37" s="18"/>
      <c r="T37" s="58" t="s">
        <v>858</v>
      </c>
      <c r="U37" s="10">
        <v>18</v>
      </c>
      <c r="V37" s="12"/>
      <c r="W37" s="13"/>
      <c r="X37" s="14"/>
      <c r="Y37" s="15"/>
      <c r="Z37" s="13"/>
      <c r="AA37" s="13"/>
      <c r="AB37" s="13"/>
      <c r="AC37" s="14"/>
      <c r="AD37" s="15"/>
      <c r="AE37" s="13"/>
      <c r="AF37" s="13"/>
      <c r="AG37" s="13"/>
      <c r="AH37" s="14"/>
      <c r="AI37" s="12"/>
      <c r="AJ37" s="52"/>
      <c r="AK37" s="18"/>
    </row>
    <row r="38" spans="1:37" x14ac:dyDescent="0.2">
      <c r="A38" s="59">
        <v>501</v>
      </c>
      <c r="B38" s="20" t="s">
        <v>259</v>
      </c>
      <c r="C38" s="22"/>
      <c r="D38" s="23"/>
      <c r="E38" s="24"/>
      <c r="F38" s="25"/>
      <c r="G38" s="23"/>
      <c r="H38" s="23"/>
      <c r="I38" s="23"/>
      <c r="J38" s="24" t="s">
        <v>1</v>
      </c>
      <c r="K38" s="25"/>
      <c r="L38" s="23"/>
      <c r="M38" s="23"/>
      <c r="N38" s="23"/>
      <c r="O38" s="24"/>
      <c r="P38" s="22"/>
      <c r="Q38" s="53">
        <v>4</v>
      </c>
      <c r="R38" s="27" t="s">
        <v>259</v>
      </c>
      <c r="T38" s="59" t="s">
        <v>857</v>
      </c>
      <c r="U38" s="20">
        <v>22</v>
      </c>
      <c r="V38" s="22"/>
      <c r="W38" s="23"/>
      <c r="X38" s="24"/>
      <c r="Y38" s="25"/>
      <c r="Z38" s="23"/>
      <c r="AA38" s="23"/>
      <c r="AB38" s="23"/>
      <c r="AC38" s="24"/>
      <c r="AD38" s="25"/>
      <c r="AE38" s="23"/>
      <c r="AF38" s="23"/>
      <c r="AG38" s="23"/>
      <c r="AH38" s="24"/>
      <c r="AI38" s="22"/>
      <c r="AJ38" s="53"/>
      <c r="AK38" s="27"/>
    </row>
    <row r="39" spans="1:37" x14ac:dyDescent="0.2">
      <c r="A39" s="60" t="s">
        <v>896</v>
      </c>
      <c r="B39" s="1">
        <v>36</v>
      </c>
      <c r="C39" s="3"/>
      <c r="D39" s="4"/>
      <c r="E39" s="5"/>
      <c r="F39" s="6"/>
      <c r="G39" s="4"/>
      <c r="H39" s="4"/>
      <c r="I39" s="4"/>
      <c r="J39" s="5"/>
      <c r="K39" s="6"/>
      <c r="L39" s="4"/>
      <c r="M39" s="4"/>
      <c r="N39" s="4"/>
      <c r="O39" s="5"/>
      <c r="P39" s="3"/>
      <c r="Q39" s="51"/>
      <c r="R39" s="8"/>
      <c r="T39" s="60" t="s">
        <v>856</v>
      </c>
      <c r="U39" s="1">
        <v>9</v>
      </c>
      <c r="V39" s="3"/>
      <c r="W39" s="4"/>
      <c r="X39" s="5"/>
      <c r="Y39" s="6"/>
      <c r="Z39" s="4"/>
      <c r="AA39" s="4"/>
      <c r="AB39" s="4"/>
      <c r="AC39" s="5"/>
      <c r="AD39" s="6"/>
      <c r="AE39" s="4"/>
      <c r="AF39" s="4"/>
      <c r="AG39" s="4"/>
      <c r="AH39" s="5"/>
      <c r="AI39" s="3"/>
      <c r="AJ39" s="51"/>
      <c r="AK39" s="8"/>
    </row>
    <row r="40" spans="1:37" x14ac:dyDescent="0.2">
      <c r="A40" s="58" t="s">
        <v>895</v>
      </c>
      <c r="B40" s="10">
        <v>53</v>
      </c>
      <c r="C40" s="12"/>
      <c r="D40" s="13"/>
      <c r="E40" s="14"/>
      <c r="F40" s="15"/>
      <c r="G40" s="13"/>
      <c r="H40" s="13"/>
      <c r="I40" s="13"/>
      <c r="J40" s="14"/>
      <c r="K40" s="15"/>
      <c r="L40" s="13"/>
      <c r="M40" s="13"/>
      <c r="N40" s="13"/>
      <c r="O40" s="14"/>
      <c r="P40" s="12"/>
      <c r="Q40" s="52"/>
      <c r="R40" s="18"/>
      <c r="T40" s="58">
        <v>543</v>
      </c>
      <c r="U40" s="10" t="s">
        <v>259</v>
      </c>
      <c r="V40" s="12" t="s">
        <v>0</v>
      </c>
      <c r="W40" s="13"/>
      <c r="X40" s="14"/>
      <c r="Y40" s="15"/>
      <c r="Z40" s="13"/>
      <c r="AA40" s="13"/>
      <c r="AB40" s="13"/>
      <c r="AC40" s="14"/>
      <c r="AD40" s="15"/>
      <c r="AE40" s="13"/>
      <c r="AF40" s="13"/>
      <c r="AG40" s="13"/>
      <c r="AH40" s="14"/>
      <c r="AI40" s="12"/>
      <c r="AJ40" s="52">
        <v>3</v>
      </c>
      <c r="AK40" s="18" t="s">
        <v>259</v>
      </c>
    </row>
    <row r="41" spans="1:37" x14ac:dyDescent="0.2">
      <c r="A41" s="58" t="s">
        <v>894</v>
      </c>
      <c r="B41" s="10">
        <v>57</v>
      </c>
      <c r="C41" s="12"/>
      <c r="D41" s="13"/>
      <c r="E41" s="14"/>
      <c r="F41" s="15"/>
      <c r="G41" s="13"/>
      <c r="H41" s="13"/>
      <c r="I41" s="13"/>
      <c r="J41" s="14"/>
      <c r="K41" s="15"/>
      <c r="L41" s="13"/>
      <c r="M41" s="13"/>
      <c r="N41" s="13"/>
      <c r="O41" s="14"/>
      <c r="P41" s="12"/>
      <c r="Q41" s="52"/>
      <c r="R41" s="18"/>
      <c r="T41" s="58" t="s">
        <v>855</v>
      </c>
      <c r="U41" s="10">
        <v>21</v>
      </c>
      <c r="V41" s="12"/>
      <c r="W41" s="13"/>
      <c r="X41" s="14"/>
      <c r="Y41" s="15"/>
      <c r="Z41" s="13"/>
      <c r="AA41" s="13"/>
      <c r="AB41" s="13"/>
      <c r="AC41" s="14"/>
      <c r="AD41" s="15"/>
      <c r="AE41" s="13"/>
      <c r="AF41" s="13"/>
      <c r="AG41" s="13"/>
      <c r="AH41" s="14"/>
      <c r="AI41" s="12"/>
      <c r="AJ41" s="52"/>
      <c r="AK41" s="18"/>
    </row>
    <row r="42" spans="1:37" x14ac:dyDescent="0.2">
      <c r="A42" s="58" t="s">
        <v>893</v>
      </c>
      <c r="B42" s="10">
        <v>24</v>
      </c>
      <c r="C42" s="12"/>
      <c r="D42" s="13"/>
      <c r="E42" s="14"/>
      <c r="F42" s="15"/>
      <c r="G42" s="13"/>
      <c r="H42" s="13"/>
      <c r="I42" s="13"/>
      <c r="J42" s="14"/>
      <c r="K42" s="15"/>
      <c r="L42" s="13"/>
      <c r="M42" s="13"/>
      <c r="N42" s="13"/>
      <c r="O42" s="14"/>
      <c r="P42" s="12"/>
      <c r="Q42" s="52"/>
      <c r="R42" s="18"/>
      <c r="T42" s="58" t="s">
        <v>854</v>
      </c>
      <c r="U42" s="10">
        <v>53</v>
      </c>
      <c r="V42" s="17"/>
      <c r="W42" s="13"/>
      <c r="X42" s="14"/>
      <c r="Y42" s="15"/>
      <c r="Z42" s="13"/>
      <c r="AA42" s="13"/>
      <c r="AB42" s="13"/>
      <c r="AC42" s="14"/>
      <c r="AD42" s="15"/>
      <c r="AE42" s="13"/>
      <c r="AF42" s="13"/>
      <c r="AG42" s="13"/>
      <c r="AH42" s="14"/>
      <c r="AI42" s="12"/>
      <c r="AJ42" s="52"/>
      <c r="AK42" s="18"/>
    </row>
    <row r="43" spans="1:37" x14ac:dyDescent="0.2">
      <c r="A43" s="59">
        <v>505</v>
      </c>
      <c r="B43" s="20" t="s">
        <v>259</v>
      </c>
      <c r="C43" s="22"/>
      <c r="D43" s="23"/>
      <c r="E43" s="24"/>
      <c r="F43" s="25"/>
      <c r="G43" s="23"/>
      <c r="H43" s="23"/>
      <c r="I43" s="23"/>
      <c r="J43" s="24"/>
      <c r="K43" s="25" t="s">
        <v>1</v>
      </c>
      <c r="L43" s="23"/>
      <c r="M43" s="23"/>
      <c r="N43" s="23"/>
      <c r="O43" s="24"/>
      <c r="P43" s="22"/>
      <c r="Q43" s="53">
        <v>4</v>
      </c>
      <c r="R43" s="27" t="s">
        <v>259</v>
      </c>
      <c r="T43" s="59" t="s">
        <v>71</v>
      </c>
      <c r="U43" s="20" t="s">
        <v>259</v>
      </c>
      <c r="V43" s="22"/>
      <c r="W43" s="23"/>
      <c r="X43" s="24"/>
      <c r="Y43" s="25"/>
      <c r="Z43" s="23"/>
      <c r="AA43" s="23"/>
      <c r="AB43" s="23"/>
      <c r="AC43" s="24"/>
      <c r="AD43" s="25" t="s">
        <v>0</v>
      </c>
      <c r="AE43" s="23"/>
      <c r="AF43" s="23"/>
      <c r="AG43" s="23"/>
      <c r="AH43" s="24"/>
      <c r="AI43" s="22"/>
      <c r="AJ43" s="53">
        <v>4</v>
      </c>
      <c r="AK43" s="27" t="s">
        <v>259</v>
      </c>
    </row>
    <row r="44" spans="1:37" x14ac:dyDescent="0.2">
      <c r="A44" s="60" t="s">
        <v>892</v>
      </c>
      <c r="B44" s="1">
        <v>44</v>
      </c>
      <c r="C44" s="3"/>
      <c r="D44" s="4"/>
      <c r="E44" s="5"/>
      <c r="F44" s="6"/>
      <c r="G44" s="4"/>
      <c r="H44" s="4"/>
      <c r="I44" s="4"/>
      <c r="J44" s="5"/>
      <c r="K44" s="6"/>
      <c r="L44" s="4"/>
      <c r="M44" s="4"/>
      <c r="N44" s="4"/>
      <c r="O44" s="5"/>
      <c r="P44" s="3"/>
      <c r="Q44" s="51"/>
      <c r="R44" s="8"/>
      <c r="T44" s="58" t="s">
        <v>72</v>
      </c>
      <c r="U44" s="10" t="s">
        <v>259</v>
      </c>
      <c r="V44" s="17"/>
      <c r="W44" s="34"/>
      <c r="X44" s="35"/>
      <c r="Y44" s="36"/>
      <c r="Z44" s="34"/>
      <c r="AA44" s="34"/>
      <c r="AB44" s="34"/>
      <c r="AC44" s="35"/>
      <c r="AD44" s="36"/>
      <c r="AE44" s="34"/>
      <c r="AF44" s="34"/>
      <c r="AG44" s="34"/>
      <c r="AH44" s="35"/>
      <c r="AI44" s="17"/>
      <c r="AJ44" s="52">
        <v>5</v>
      </c>
      <c r="AK44" s="18" t="s">
        <v>259</v>
      </c>
    </row>
    <row r="45" spans="1:37" x14ac:dyDescent="0.2">
      <c r="A45" s="58" t="s">
        <v>891</v>
      </c>
      <c r="B45" s="10">
        <v>22</v>
      </c>
      <c r="C45" s="12"/>
      <c r="D45" s="13"/>
      <c r="E45" s="14"/>
      <c r="F45" s="15"/>
      <c r="G45" s="13"/>
      <c r="H45" s="13"/>
      <c r="I45" s="13"/>
      <c r="J45" s="14"/>
      <c r="K45" s="15"/>
      <c r="L45" s="13"/>
      <c r="M45" s="13"/>
      <c r="N45" s="13"/>
      <c r="O45" s="14"/>
      <c r="P45" s="12"/>
      <c r="Q45" s="52"/>
      <c r="R45" s="18"/>
      <c r="T45" s="58" t="s">
        <v>853</v>
      </c>
      <c r="U45" s="10">
        <v>14</v>
      </c>
      <c r="V45" s="12"/>
      <c r="W45" s="13"/>
      <c r="X45" s="14"/>
      <c r="Y45" s="15"/>
      <c r="Z45" s="13"/>
      <c r="AA45" s="13"/>
      <c r="AB45" s="13"/>
      <c r="AC45" s="14"/>
      <c r="AD45" s="15"/>
      <c r="AE45" s="13"/>
      <c r="AF45" s="13"/>
      <c r="AG45" s="13"/>
      <c r="AH45" s="14"/>
      <c r="AI45" s="12"/>
      <c r="AJ45" s="52"/>
      <c r="AK45" s="18"/>
    </row>
    <row r="46" spans="1:37" x14ac:dyDescent="0.2">
      <c r="A46" s="58">
        <v>507</v>
      </c>
      <c r="B46" s="10" t="s">
        <v>259</v>
      </c>
      <c r="C46" s="12"/>
      <c r="D46" s="13"/>
      <c r="E46" s="14"/>
      <c r="F46" s="15"/>
      <c r="G46" s="13"/>
      <c r="H46" s="13"/>
      <c r="I46" s="13"/>
      <c r="J46" s="14"/>
      <c r="K46" s="15"/>
      <c r="L46" s="13"/>
      <c r="M46" s="13" t="s">
        <v>1</v>
      </c>
      <c r="N46" s="13"/>
      <c r="O46" s="14"/>
      <c r="P46" s="12"/>
      <c r="Q46" s="52">
        <v>1</v>
      </c>
      <c r="R46" s="18" t="s">
        <v>259</v>
      </c>
      <c r="T46" s="58">
        <v>546</v>
      </c>
      <c r="U46" s="10" t="s">
        <v>259</v>
      </c>
      <c r="V46" s="12" t="s">
        <v>0</v>
      </c>
      <c r="W46" s="13"/>
      <c r="X46" s="14"/>
      <c r="Y46" s="15"/>
      <c r="Z46" s="13"/>
      <c r="AA46" s="13"/>
      <c r="AB46" s="13"/>
      <c r="AC46" s="14"/>
      <c r="AD46" s="15"/>
      <c r="AE46" s="13"/>
      <c r="AF46" s="13"/>
      <c r="AG46" s="13"/>
      <c r="AH46" s="14"/>
      <c r="AI46" s="12"/>
      <c r="AJ46" s="52">
        <v>3</v>
      </c>
      <c r="AK46" s="18" t="s">
        <v>259</v>
      </c>
    </row>
    <row r="47" spans="1:37" x14ac:dyDescent="0.2">
      <c r="A47" s="58" t="s">
        <v>890</v>
      </c>
      <c r="B47" s="10">
        <v>40</v>
      </c>
      <c r="C47" s="12"/>
      <c r="D47" s="13"/>
      <c r="E47" s="14"/>
      <c r="F47" s="15"/>
      <c r="G47" s="13"/>
      <c r="H47" s="13"/>
      <c r="I47" s="13"/>
      <c r="J47" s="14"/>
      <c r="K47" s="15"/>
      <c r="L47" s="13"/>
      <c r="M47" s="13"/>
      <c r="N47" s="13"/>
      <c r="O47" s="14"/>
      <c r="P47" s="12"/>
      <c r="Q47" s="52"/>
      <c r="R47" s="18"/>
      <c r="T47" s="58" t="s">
        <v>852</v>
      </c>
      <c r="U47" s="10">
        <v>36</v>
      </c>
      <c r="V47" s="12"/>
      <c r="W47" s="13"/>
      <c r="X47" s="14"/>
      <c r="Y47" s="15"/>
      <c r="Z47" s="13"/>
      <c r="AA47" s="13"/>
      <c r="AB47" s="13"/>
      <c r="AC47" s="14"/>
      <c r="AD47" s="15"/>
      <c r="AE47" s="13"/>
      <c r="AF47" s="13"/>
      <c r="AG47" s="13"/>
      <c r="AH47" s="14"/>
      <c r="AI47" s="12"/>
      <c r="AJ47" s="52"/>
      <c r="AK47" s="18"/>
    </row>
    <row r="48" spans="1:37" x14ac:dyDescent="0.2">
      <c r="A48" s="59" t="s">
        <v>889</v>
      </c>
      <c r="B48" s="20">
        <v>18</v>
      </c>
      <c r="C48" s="22"/>
      <c r="D48" s="23"/>
      <c r="E48" s="24"/>
      <c r="F48" s="25"/>
      <c r="G48" s="23"/>
      <c r="H48" s="23"/>
      <c r="I48" s="23"/>
      <c r="J48" s="24"/>
      <c r="K48" s="25"/>
      <c r="L48" s="23"/>
      <c r="M48" s="23"/>
      <c r="N48" s="23"/>
      <c r="O48" s="24"/>
      <c r="P48" s="22"/>
      <c r="Q48" s="53"/>
      <c r="R48" s="27"/>
      <c r="T48" s="59" t="s">
        <v>851</v>
      </c>
      <c r="U48" s="20">
        <v>37</v>
      </c>
      <c r="V48" s="22"/>
      <c r="W48" s="23"/>
      <c r="X48" s="24"/>
      <c r="Y48" s="25"/>
      <c r="Z48" s="23"/>
      <c r="AA48" s="23"/>
      <c r="AB48" s="23"/>
      <c r="AC48" s="24"/>
      <c r="AD48" s="25"/>
      <c r="AE48" s="23"/>
      <c r="AF48" s="23"/>
      <c r="AG48" s="23"/>
      <c r="AH48" s="24"/>
      <c r="AI48" s="22"/>
      <c r="AJ48" s="53"/>
      <c r="AK48" s="27"/>
    </row>
    <row r="49" spans="1:37" x14ac:dyDescent="0.2">
      <c r="A49" s="60" t="s">
        <v>888</v>
      </c>
      <c r="B49" s="1">
        <v>53</v>
      </c>
      <c r="C49" s="3"/>
      <c r="D49" s="4"/>
      <c r="E49" s="5"/>
      <c r="F49" s="6"/>
      <c r="G49" s="4"/>
      <c r="H49" s="4"/>
      <c r="I49" s="4"/>
      <c r="J49" s="5"/>
      <c r="K49" s="6"/>
      <c r="L49" s="4"/>
      <c r="M49" s="4"/>
      <c r="N49" s="4"/>
      <c r="O49" s="5"/>
      <c r="P49" s="3"/>
      <c r="Q49" s="51"/>
      <c r="R49" s="8"/>
      <c r="T49" s="60" t="s">
        <v>850</v>
      </c>
      <c r="U49" s="1">
        <v>53</v>
      </c>
      <c r="V49" s="3"/>
      <c r="W49" s="4"/>
      <c r="X49" s="5"/>
      <c r="Y49" s="6"/>
      <c r="Z49" s="4"/>
      <c r="AA49" s="4"/>
      <c r="AB49" s="4"/>
      <c r="AC49" s="5"/>
      <c r="AD49" s="6"/>
      <c r="AE49" s="4"/>
      <c r="AF49" s="4"/>
      <c r="AG49" s="4"/>
      <c r="AH49" s="5"/>
      <c r="AI49" s="3"/>
      <c r="AJ49" s="51"/>
      <c r="AK49" s="8"/>
    </row>
    <row r="50" spans="1:37" x14ac:dyDescent="0.2">
      <c r="A50" s="58">
        <v>510</v>
      </c>
      <c r="B50" s="10" t="s">
        <v>259</v>
      </c>
      <c r="C50" s="12"/>
      <c r="D50" s="13"/>
      <c r="E50" s="14"/>
      <c r="F50" s="15"/>
      <c r="G50" s="13"/>
      <c r="H50" s="13"/>
      <c r="I50" s="13" t="s">
        <v>1</v>
      </c>
      <c r="J50" s="14"/>
      <c r="K50" s="15"/>
      <c r="L50" s="13"/>
      <c r="M50" s="13"/>
      <c r="N50" s="13"/>
      <c r="O50" s="14"/>
      <c r="P50" s="12"/>
      <c r="Q50" s="52">
        <v>4</v>
      </c>
      <c r="R50" s="18" t="s">
        <v>259</v>
      </c>
      <c r="T50" s="58">
        <v>549</v>
      </c>
      <c r="U50" s="10" t="s">
        <v>259</v>
      </c>
      <c r="V50" s="12"/>
      <c r="W50" s="13"/>
      <c r="X50" s="14"/>
      <c r="Y50" s="15"/>
      <c r="Z50" s="13"/>
      <c r="AA50" s="13"/>
      <c r="AB50" s="13" t="s">
        <v>1</v>
      </c>
      <c r="AC50" s="14"/>
      <c r="AD50" s="15"/>
      <c r="AE50" s="13"/>
      <c r="AF50" s="13"/>
      <c r="AG50" s="13"/>
      <c r="AH50" s="14"/>
      <c r="AI50" s="12"/>
      <c r="AJ50" s="52">
        <v>5</v>
      </c>
      <c r="AK50" s="18" t="s">
        <v>259</v>
      </c>
    </row>
    <row r="51" spans="1:37" x14ac:dyDescent="0.2">
      <c r="A51" s="58" t="s">
        <v>887</v>
      </c>
      <c r="B51" s="10">
        <v>36</v>
      </c>
      <c r="C51" s="12"/>
      <c r="D51" s="13"/>
      <c r="E51" s="14"/>
      <c r="F51" s="15"/>
      <c r="G51" s="13"/>
      <c r="H51" s="13"/>
      <c r="I51" s="13"/>
      <c r="J51" s="14"/>
      <c r="K51" s="15"/>
      <c r="L51" s="13"/>
      <c r="M51" s="13"/>
      <c r="N51" s="13"/>
      <c r="O51" s="14"/>
      <c r="P51" s="12"/>
      <c r="Q51" s="52"/>
      <c r="R51" s="18"/>
      <c r="T51" s="58" t="s">
        <v>849</v>
      </c>
      <c r="U51" s="10">
        <v>38</v>
      </c>
      <c r="V51" s="12"/>
      <c r="W51" s="13"/>
      <c r="X51" s="14"/>
      <c r="Y51" s="15"/>
      <c r="Z51" s="13"/>
      <c r="AA51" s="13"/>
      <c r="AB51" s="13"/>
      <c r="AC51" s="14"/>
      <c r="AD51" s="15"/>
      <c r="AE51" s="13"/>
      <c r="AF51" s="13"/>
      <c r="AG51" s="13"/>
      <c r="AH51" s="14"/>
      <c r="AI51" s="12"/>
      <c r="AJ51" s="52"/>
      <c r="AK51" s="18"/>
    </row>
    <row r="52" spans="1:37" x14ac:dyDescent="0.2">
      <c r="A52" s="58" t="s">
        <v>886</v>
      </c>
      <c r="B52" s="10">
        <v>49</v>
      </c>
      <c r="C52" s="12"/>
      <c r="D52" s="13"/>
      <c r="E52" s="14"/>
      <c r="F52" s="15"/>
      <c r="G52" s="13"/>
      <c r="H52" s="13"/>
      <c r="I52" s="13"/>
      <c r="J52" s="14"/>
      <c r="K52" s="15"/>
      <c r="L52" s="13"/>
      <c r="M52" s="13"/>
      <c r="N52" s="13"/>
      <c r="O52" s="14"/>
      <c r="P52" s="12"/>
      <c r="Q52" s="52"/>
      <c r="R52" s="18"/>
      <c r="T52" s="61" t="s">
        <v>73</v>
      </c>
      <c r="U52" s="10" t="s">
        <v>259</v>
      </c>
      <c r="V52" s="12" t="s">
        <v>0</v>
      </c>
      <c r="W52" s="13"/>
      <c r="X52" s="14"/>
      <c r="Y52" s="15"/>
      <c r="Z52" s="13"/>
      <c r="AA52" s="13"/>
      <c r="AB52" s="13"/>
      <c r="AC52" s="14"/>
      <c r="AD52" s="15"/>
      <c r="AE52" s="13"/>
      <c r="AF52" s="13"/>
      <c r="AG52" s="13"/>
      <c r="AH52" s="14"/>
      <c r="AI52" s="12"/>
      <c r="AJ52" s="52">
        <v>3</v>
      </c>
      <c r="AK52" s="18" t="s">
        <v>259</v>
      </c>
    </row>
    <row r="53" spans="1:37" x14ac:dyDescent="0.2">
      <c r="A53" s="59" t="s">
        <v>885</v>
      </c>
      <c r="B53" s="20">
        <v>18</v>
      </c>
      <c r="C53" s="22"/>
      <c r="D53" s="23"/>
      <c r="E53" s="24"/>
      <c r="F53" s="25"/>
      <c r="G53" s="23"/>
      <c r="H53" s="23"/>
      <c r="I53" s="23"/>
      <c r="J53" s="24"/>
      <c r="K53" s="25"/>
      <c r="L53" s="23"/>
      <c r="M53" s="23"/>
      <c r="N53" s="23"/>
      <c r="O53" s="24"/>
      <c r="P53" s="22"/>
      <c r="Q53" s="53"/>
      <c r="R53" s="27"/>
      <c r="T53" s="59" t="s">
        <v>848</v>
      </c>
      <c r="U53" s="20">
        <v>31</v>
      </c>
      <c r="V53" s="22"/>
      <c r="W53" s="23"/>
      <c r="X53" s="24"/>
      <c r="Y53" s="25"/>
      <c r="Z53" s="23"/>
      <c r="AA53" s="23"/>
      <c r="AB53" s="23"/>
      <c r="AC53" s="24"/>
      <c r="AD53" s="25"/>
      <c r="AE53" s="23"/>
      <c r="AF53" s="23"/>
      <c r="AG53" s="23"/>
      <c r="AH53" s="24"/>
      <c r="AI53" s="22"/>
      <c r="AJ53" s="53"/>
      <c r="AK53" s="27"/>
    </row>
    <row r="54" spans="1:37" x14ac:dyDescent="0.2">
      <c r="A54" s="58"/>
      <c r="B54" s="11"/>
      <c r="C54" s="17"/>
      <c r="D54" s="13"/>
      <c r="E54" s="14"/>
      <c r="F54" s="15"/>
      <c r="G54" s="13"/>
      <c r="H54" s="13"/>
      <c r="I54" s="13"/>
      <c r="J54" s="14"/>
      <c r="K54" s="15"/>
      <c r="L54" s="13"/>
      <c r="M54" s="13"/>
      <c r="N54" s="13"/>
      <c r="O54" s="14"/>
      <c r="P54" s="12"/>
      <c r="Q54" s="52"/>
      <c r="R54" s="18"/>
      <c r="T54" s="58"/>
      <c r="U54" s="11"/>
      <c r="V54" s="17"/>
      <c r="W54" s="13"/>
      <c r="X54" s="14"/>
      <c r="Y54" s="15"/>
      <c r="Z54" s="13"/>
      <c r="AA54" s="13"/>
      <c r="AB54" s="13"/>
      <c r="AC54" s="14"/>
      <c r="AD54" s="15"/>
      <c r="AE54" s="13"/>
      <c r="AF54" s="13"/>
      <c r="AG54" s="13"/>
      <c r="AH54" s="14"/>
      <c r="AI54" s="12"/>
      <c r="AJ54" s="52"/>
      <c r="AK54" s="18"/>
    </row>
    <row r="55" spans="1:37" x14ac:dyDescent="0.2">
      <c r="A55" s="58"/>
      <c r="B55" s="11"/>
      <c r="C55" s="17"/>
      <c r="D55" s="13"/>
      <c r="E55" s="14"/>
      <c r="F55" s="15"/>
      <c r="G55" s="13"/>
      <c r="H55" s="13"/>
      <c r="I55" s="13"/>
      <c r="J55" s="14"/>
      <c r="K55" s="15"/>
      <c r="L55" s="13"/>
      <c r="M55" s="13"/>
      <c r="N55" s="13"/>
      <c r="O55" s="14"/>
      <c r="P55" s="12"/>
      <c r="Q55" s="52"/>
      <c r="R55" s="18"/>
    </row>
    <row r="56" spans="1:37" x14ac:dyDescent="0.2">
      <c r="A56" s="58"/>
      <c r="B56" s="11"/>
      <c r="C56" s="17"/>
      <c r="D56" s="13"/>
      <c r="E56" s="14"/>
      <c r="F56" s="15"/>
      <c r="G56" s="13"/>
      <c r="H56" s="13"/>
      <c r="I56" s="13"/>
      <c r="J56" s="14"/>
      <c r="K56" s="15"/>
      <c r="L56" s="13"/>
      <c r="M56" s="13"/>
      <c r="N56" s="13"/>
      <c r="O56" s="14"/>
      <c r="P56" s="12"/>
      <c r="Q56" s="52"/>
      <c r="R56" s="18"/>
    </row>
    <row r="57" spans="1:37" x14ac:dyDescent="0.2">
      <c r="A57" s="59"/>
      <c r="B57" s="21"/>
      <c r="C57" s="26"/>
      <c r="D57" s="23"/>
      <c r="E57" s="24"/>
      <c r="F57" s="25"/>
      <c r="G57" s="23"/>
      <c r="H57" s="23"/>
      <c r="I57" s="23"/>
      <c r="J57" s="24"/>
      <c r="K57" s="25"/>
      <c r="L57" s="23"/>
      <c r="M57" s="23"/>
      <c r="N57" s="23"/>
      <c r="O57" s="24"/>
      <c r="P57" s="22"/>
      <c r="Q57" s="53"/>
      <c r="R57" s="27"/>
    </row>
    <row r="58" spans="1:37" x14ac:dyDescent="0.2">
      <c r="A58" s="60"/>
      <c r="B58" s="2"/>
      <c r="C58" s="7"/>
      <c r="D58" s="4"/>
      <c r="E58" s="5"/>
      <c r="F58" s="6"/>
      <c r="G58" s="4"/>
      <c r="H58" s="4"/>
      <c r="I58" s="4"/>
      <c r="J58" s="5"/>
      <c r="K58" s="6"/>
      <c r="L58" s="4"/>
      <c r="M58" s="4"/>
      <c r="N58" s="4"/>
      <c r="O58" s="5"/>
      <c r="P58" s="3"/>
      <c r="Q58" s="51"/>
      <c r="R58" s="8"/>
    </row>
    <row r="59" spans="1:37" x14ac:dyDescent="0.2">
      <c r="A59" s="58"/>
      <c r="B59" s="11"/>
      <c r="C59" s="17"/>
      <c r="D59" s="13"/>
      <c r="E59" s="14"/>
      <c r="F59" s="15"/>
      <c r="G59" s="13"/>
      <c r="H59" s="13"/>
      <c r="I59" s="13"/>
      <c r="J59" s="14"/>
      <c r="K59" s="15"/>
      <c r="L59" s="13"/>
      <c r="M59" s="13"/>
      <c r="N59" s="13"/>
      <c r="O59" s="14"/>
      <c r="P59" s="12"/>
      <c r="Q59" s="52"/>
      <c r="R59" s="18"/>
    </row>
    <row r="60" spans="1:37" x14ac:dyDescent="0.2">
      <c r="A60" s="58"/>
      <c r="B60" s="11"/>
      <c r="C60" s="17"/>
      <c r="D60" s="13"/>
      <c r="E60" s="14"/>
      <c r="F60" s="15"/>
      <c r="G60" s="13"/>
      <c r="H60" s="13"/>
      <c r="I60" s="13"/>
      <c r="J60" s="14"/>
      <c r="K60" s="15"/>
      <c r="L60" s="13"/>
      <c r="M60" s="13"/>
      <c r="N60" s="13"/>
      <c r="O60" s="14"/>
      <c r="P60" s="12"/>
      <c r="Q60" s="52"/>
      <c r="R60" s="18"/>
    </row>
    <row r="61" spans="1:37" x14ac:dyDescent="0.2">
      <c r="A61" s="58"/>
      <c r="B61" s="11"/>
      <c r="C61" s="17"/>
      <c r="D61" s="13"/>
      <c r="E61" s="14"/>
      <c r="F61" s="15"/>
      <c r="G61" s="13"/>
      <c r="H61" s="13"/>
      <c r="I61" s="13"/>
      <c r="J61" s="14"/>
      <c r="K61" s="15"/>
      <c r="L61" s="13"/>
      <c r="M61" s="13"/>
      <c r="N61" s="13"/>
      <c r="O61" s="14"/>
      <c r="P61" s="12"/>
      <c r="Q61" s="52"/>
      <c r="R61" s="18"/>
    </row>
    <row r="62" spans="1:37" x14ac:dyDescent="0.2">
      <c r="A62" s="59"/>
      <c r="B62" s="21"/>
      <c r="C62" s="26"/>
      <c r="D62" s="23"/>
      <c r="E62" s="24"/>
      <c r="F62" s="25"/>
      <c r="G62" s="23"/>
      <c r="H62" s="23"/>
      <c r="I62" s="23"/>
      <c r="J62" s="24"/>
      <c r="K62" s="25"/>
      <c r="L62" s="23"/>
      <c r="M62" s="23"/>
      <c r="N62" s="23"/>
      <c r="O62" s="24"/>
      <c r="P62" s="22"/>
      <c r="Q62" s="53"/>
      <c r="R62" s="27"/>
    </row>
    <row r="63" spans="1:37" x14ac:dyDescent="0.2">
      <c r="A63" s="60"/>
      <c r="B63" s="2"/>
      <c r="C63" s="7"/>
      <c r="D63" s="4"/>
      <c r="E63" s="5"/>
      <c r="F63" s="6"/>
      <c r="G63" s="4"/>
      <c r="H63" s="4"/>
      <c r="I63" s="4"/>
      <c r="J63" s="5"/>
      <c r="K63" s="6"/>
      <c r="L63" s="4"/>
      <c r="M63" s="4"/>
      <c r="N63" s="4"/>
      <c r="O63" s="5"/>
      <c r="P63" s="3"/>
      <c r="Q63" s="51"/>
      <c r="R63" s="8"/>
    </row>
    <row r="64" spans="1:37" x14ac:dyDescent="0.2">
      <c r="A64" s="58"/>
      <c r="B64" s="11"/>
      <c r="C64" s="17"/>
      <c r="D64" s="13"/>
      <c r="E64" s="14"/>
      <c r="F64" s="15"/>
      <c r="G64" s="13"/>
      <c r="H64" s="13"/>
      <c r="I64" s="13"/>
      <c r="J64" s="14"/>
      <c r="K64" s="15"/>
      <c r="L64" s="13"/>
      <c r="M64" s="13"/>
      <c r="N64" s="13"/>
      <c r="O64" s="14"/>
      <c r="P64" s="12"/>
      <c r="Q64" s="52"/>
      <c r="R64" s="18"/>
    </row>
    <row r="65" spans="1:18" x14ac:dyDescent="0.2">
      <c r="A65" s="58"/>
      <c r="B65" s="11"/>
      <c r="C65" s="17"/>
      <c r="D65" s="13"/>
      <c r="E65" s="14"/>
      <c r="F65" s="15"/>
      <c r="G65" s="13"/>
      <c r="H65" s="13"/>
      <c r="I65" s="13"/>
      <c r="J65" s="14"/>
      <c r="K65" s="15"/>
      <c r="L65" s="13"/>
      <c r="M65" s="13"/>
      <c r="N65" s="13"/>
      <c r="O65" s="14"/>
      <c r="P65" s="12"/>
      <c r="Q65" s="52"/>
      <c r="R65" s="18"/>
    </row>
    <row r="66" spans="1:18" x14ac:dyDescent="0.2">
      <c r="A66" s="58"/>
      <c r="B66" s="11"/>
      <c r="C66" s="17"/>
      <c r="D66" s="13"/>
      <c r="E66" s="14"/>
      <c r="F66" s="15"/>
      <c r="G66" s="13"/>
      <c r="H66" s="13"/>
      <c r="I66" s="13"/>
      <c r="J66" s="14"/>
      <c r="K66" s="15"/>
      <c r="L66" s="13"/>
      <c r="M66" s="13"/>
      <c r="N66" s="13"/>
      <c r="O66" s="14"/>
      <c r="P66" s="12"/>
      <c r="Q66" s="52"/>
      <c r="R66" s="18"/>
    </row>
    <row r="67" spans="1:18" x14ac:dyDescent="0.2">
      <c r="A67" s="59"/>
      <c r="B67" s="21"/>
      <c r="C67" s="26"/>
      <c r="D67" s="23"/>
      <c r="E67" s="24"/>
      <c r="F67" s="25"/>
      <c r="G67" s="23"/>
      <c r="H67" s="23"/>
      <c r="I67" s="23"/>
      <c r="J67" s="24"/>
      <c r="K67" s="25"/>
      <c r="L67" s="23"/>
      <c r="M67" s="23"/>
      <c r="N67" s="23"/>
      <c r="O67" s="24"/>
      <c r="P67" s="22"/>
      <c r="Q67" s="53"/>
      <c r="R67" s="27"/>
    </row>
  </sheetData>
  <mergeCells count="16">
    <mergeCell ref="T1:AK1"/>
    <mergeCell ref="T2:T3"/>
    <mergeCell ref="U2:U3"/>
    <mergeCell ref="V2:V3"/>
    <mergeCell ref="W2:AH2"/>
    <mergeCell ref="AI2:AI3"/>
    <mergeCell ref="AJ2:AJ3"/>
    <mergeCell ref="AK2:AK3"/>
    <mergeCell ref="A1:R1"/>
    <mergeCell ref="A2:A3"/>
    <mergeCell ref="B2:B3"/>
    <mergeCell ref="C2:C3"/>
    <mergeCell ref="D2:O2"/>
    <mergeCell ref="P2:P3"/>
    <mergeCell ref="Q2:Q3"/>
    <mergeCell ref="R2:R3"/>
  </mergeCells>
  <printOptions horizontalCentered="1"/>
  <pageMargins left="0.15" right="0.15" top="0.75" bottom="0.25" header="0.55000000000000004" footer="0.05"/>
  <pageSetup paperSize="3" scale="95" fitToHeight="40" orientation="portrait" r:id="rId1"/>
  <headerFooter scaleWithDoc="0" alignWithMargins="0">
    <oddHeader>&amp;L&amp;12San Mateo - Hayward Br (Br #35-0054)&amp;C&amp;"-,Bold"&amp;12Defect Schedule&amp;R&amp;12&amp;D</oddHeader>
    <oddFooter>&amp;R&amp;10&amp;P/&amp;N</oddFoot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8178F11-C387-4264-9713-7372FB407397}">
  <sheetPr>
    <pageSetUpPr fitToPage="1"/>
  </sheetPr>
  <dimension ref="A1:AK68"/>
  <sheetViews>
    <sheetView view="pageBreakPreview" zoomScaleNormal="130" zoomScaleSheetLayoutView="100" workbookViewId="0">
      <selection sqref="A1:R1"/>
    </sheetView>
  </sheetViews>
  <sheetFormatPr defaultColWidth="8.7109375" defaultRowHeight="11.25" x14ac:dyDescent="0.2"/>
  <cols>
    <col min="1" max="1" width="5.42578125" style="81" customWidth="1"/>
    <col min="2" max="3" width="4.140625" style="75" customWidth="1"/>
    <col min="4" max="4" width="3.7109375" style="82" customWidth="1"/>
    <col min="5" max="5" width="3.7109375" style="83" customWidth="1"/>
    <col min="6" max="6" width="3.7109375" style="84" customWidth="1"/>
    <col min="7" max="9" width="3.7109375" style="82" customWidth="1"/>
    <col min="10" max="10" width="3.7109375" style="83" customWidth="1"/>
    <col min="11" max="11" width="3.7109375" style="84" customWidth="1"/>
    <col min="12" max="14" width="3.7109375" style="82" customWidth="1"/>
    <col min="15" max="15" width="4" style="83" customWidth="1"/>
    <col min="16" max="16" width="3.7109375" style="74" customWidth="1"/>
    <col min="17" max="17" width="3.7109375" style="85" customWidth="1"/>
    <col min="18" max="18" width="3.7109375" style="86" customWidth="1"/>
    <col min="19" max="19" width="3.42578125" style="71" customWidth="1"/>
    <col min="20" max="20" width="5.42578125" style="78" customWidth="1"/>
    <col min="21" max="22" width="4.140625" style="78" customWidth="1"/>
    <col min="23" max="33" width="3.7109375" style="78" customWidth="1"/>
    <col min="34" max="34" width="4" style="78" customWidth="1"/>
    <col min="35" max="37" width="3.7109375" style="78" customWidth="1"/>
    <col min="38" max="38" width="8.7109375" style="78"/>
    <col min="39" max="40" width="2.7109375" style="78" bestFit="1" customWidth="1"/>
    <col min="41" max="41" width="8.7109375" style="78"/>
    <col min="42" max="43" width="2.7109375" style="78" bestFit="1" customWidth="1"/>
    <col min="44" max="16384" width="8.7109375" style="78"/>
  </cols>
  <sheetData>
    <row r="1" spans="1:37" s="75" customFormat="1" ht="12" customHeight="1" x14ac:dyDescent="0.25">
      <c r="A1" s="73" t="s">
        <v>5</v>
      </c>
      <c r="B1" s="73"/>
      <c r="C1" s="73"/>
      <c r="D1" s="73"/>
      <c r="E1" s="73"/>
      <c r="F1" s="73"/>
      <c r="G1" s="73"/>
      <c r="H1" s="73"/>
      <c r="I1" s="73"/>
      <c r="J1" s="73"/>
      <c r="K1" s="73"/>
      <c r="L1" s="73"/>
      <c r="M1" s="73"/>
      <c r="N1" s="73"/>
      <c r="O1" s="73"/>
      <c r="P1" s="73"/>
      <c r="Q1" s="73"/>
      <c r="R1" s="73"/>
      <c r="S1" s="74"/>
      <c r="T1" s="73" t="s">
        <v>5</v>
      </c>
      <c r="U1" s="73"/>
      <c r="V1" s="73"/>
      <c r="W1" s="73"/>
      <c r="X1" s="73"/>
      <c r="Y1" s="73"/>
      <c r="Z1" s="73"/>
      <c r="AA1" s="73"/>
      <c r="AB1" s="73"/>
      <c r="AC1" s="73"/>
      <c r="AD1" s="73"/>
      <c r="AE1" s="73"/>
      <c r="AF1" s="73"/>
      <c r="AG1" s="73"/>
      <c r="AH1" s="73"/>
      <c r="AI1" s="73"/>
      <c r="AJ1" s="73"/>
      <c r="AK1" s="73"/>
    </row>
    <row r="2" spans="1:37" s="75" customFormat="1" ht="15" customHeight="1" x14ac:dyDescent="0.25">
      <c r="A2" s="76" t="s">
        <v>1103</v>
      </c>
      <c r="B2" s="76" t="s">
        <v>1104</v>
      </c>
      <c r="C2" s="73" t="s">
        <v>6</v>
      </c>
      <c r="D2" s="73" t="s">
        <v>260</v>
      </c>
      <c r="E2" s="73"/>
      <c r="F2" s="73"/>
      <c r="G2" s="73"/>
      <c r="H2" s="73"/>
      <c r="I2" s="73"/>
      <c r="J2" s="73"/>
      <c r="K2" s="73"/>
      <c r="L2" s="73"/>
      <c r="M2" s="73"/>
      <c r="N2" s="73"/>
      <c r="O2" s="73"/>
      <c r="P2" s="73" t="s">
        <v>7</v>
      </c>
      <c r="Q2" s="72" t="s">
        <v>8</v>
      </c>
      <c r="R2" s="72" t="s">
        <v>1105</v>
      </c>
      <c r="S2" s="74"/>
      <c r="T2" s="76" t="s">
        <v>1103</v>
      </c>
      <c r="U2" s="76" t="s">
        <v>1104</v>
      </c>
      <c r="V2" s="73" t="s">
        <v>6</v>
      </c>
      <c r="W2" s="73" t="s">
        <v>260</v>
      </c>
      <c r="X2" s="73"/>
      <c r="Y2" s="73"/>
      <c r="Z2" s="73"/>
      <c r="AA2" s="73"/>
      <c r="AB2" s="73"/>
      <c r="AC2" s="73"/>
      <c r="AD2" s="73"/>
      <c r="AE2" s="73"/>
      <c r="AF2" s="73"/>
      <c r="AG2" s="73"/>
      <c r="AH2" s="73"/>
      <c r="AI2" s="73" t="s">
        <v>7</v>
      </c>
      <c r="AJ2" s="72" t="s">
        <v>8</v>
      </c>
      <c r="AK2" s="72" t="s">
        <v>1105</v>
      </c>
    </row>
    <row r="3" spans="1:37" ht="25.5" customHeight="1" x14ac:dyDescent="0.2">
      <c r="A3" s="76"/>
      <c r="B3" s="76"/>
      <c r="C3" s="73"/>
      <c r="D3" s="77">
        <v>12</v>
      </c>
      <c r="E3" s="77">
        <v>11</v>
      </c>
      <c r="F3" s="77">
        <v>10</v>
      </c>
      <c r="G3" s="77">
        <v>9</v>
      </c>
      <c r="H3" s="77">
        <v>8</v>
      </c>
      <c r="I3" s="77">
        <v>7</v>
      </c>
      <c r="J3" s="77">
        <v>6</v>
      </c>
      <c r="K3" s="77">
        <v>5</v>
      </c>
      <c r="L3" s="77">
        <v>4</v>
      </c>
      <c r="M3" s="77">
        <v>3</v>
      </c>
      <c r="N3" s="77">
        <v>2</v>
      </c>
      <c r="O3" s="77">
        <v>1</v>
      </c>
      <c r="P3" s="73"/>
      <c r="Q3" s="72"/>
      <c r="R3" s="72"/>
      <c r="T3" s="76"/>
      <c r="U3" s="76"/>
      <c r="V3" s="73"/>
      <c r="W3" s="77">
        <v>12</v>
      </c>
      <c r="X3" s="77">
        <v>11</v>
      </c>
      <c r="Y3" s="77">
        <v>10</v>
      </c>
      <c r="Z3" s="77">
        <v>9</v>
      </c>
      <c r="AA3" s="77">
        <v>8</v>
      </c>
      <c r="AB3" s="77">
        <v>7</v>
      </c>
      <c r="AC3" s="77">
        <v>6</v>
      </c>
      <c r="AD3" s="77">
        <v>5</v>
      </c>
      <c r="AE3" s="77">
        <v>4</v>
      </c>
      <c r="AF3" s="77">
        <v>3</v>
      </c>
      <c r="AG3" s="77">
        <v>2</v>
      </c>
      <c r="AH3" s="77">
        <v>1</v>
      </c>
      <c r="AI3" s="73"/>
      <c r="AJ3" s="72"/>
      <c r="AK3" s="72"/>
    </row>
    <row r="4" spans="1:37" x14ac:dyDescent="0.2">
      <c r="A4" s="63" t="s">
        <v>74</v>
      </c>
      <c r="B4" s="43" t="s">
        <v>259</v>
      </c>
      <c r="C4" s="45"/>
      <c r="D4" s="70"/>
      <c r="E4" s="87"/>
      <c r="F4" s="88"/>
      <c r="G4" s="70"/>
      <c r="H4" s="70"/>
      <c r="I4" s="70"/>
      <c r="J4" s="87"/>
      <c r="K4" s="88"/>
      <c r="L4" s="70"/>
      <c r="M4" s="70"/>
      <c r="N4" s="70" t="s">
        <v>0</v>
      </c>
      <c r="O4" s="87"/>
      <c r="P4" s="45"/>
      <c r="Q4" s="56">
        <v>8</v>
      </c>
      <c r="R4" s="50" t="s">
        <v>259</v>
      </c>
      <c r="T4" s="63" t="s">
        <v>815</v>
      </c>
      <c r="U4" s="44">
        <v>53</v>
      </c>
      <c r="V4" s="45"/>
      <c r="W4" s="46"/>
      <c r="X4" s="47"/>
      <c r="Y4" s="48"/>
      <c r="Z4" s="46"/>
      <c r="AA4" s="46"/>
      <c r="AB4" s="46"/>
      <c r="AC4" s="47"/>
      <c r="AD4" s="48"/>
      <c r="AE4" s="46"/>
      <c r="AF4" s="46"/>
      <c r="AG4" s="46"/>
      <c r="AH4" s="47"/>
      <c r="AI4" s="49"/>
      <c r="AJ4" s="56"/>
      <c r="AK4" s="50"/>
    </row>
    <row r="5" spans="1:37" x14ac:dyDescent="0.2">
      <c r="A5" s="58" t="s">
        <v>847</v>
      </c>
      <c r="B5" s="11">
        <v>48</v>
      </c>
      <c r="C5" s="17"/>
      <c r="D5" s="13"/>
      <c r="E5" s="14"/>
      <c r="F5" s="15"/>
      <c r="G5" s="13"/>
      <c r="H5" s="13"/>
      <c r="I5" s="13"/>
      <c r="J5" s="14"/>
      <c r="K5" s="15"/>
      <c r="L5" s="13"/>
      <c r="M5" s="13"/>
      <c r="N5" s="13"/>
      <c r="O5" s="14"/>
      <c r="P5" s="12"/>
      <c r="Q5" s="52"/>
      <c r="R5" s="18"/>
      <c r="T5" s="58" t="s">
        <v>814</v>
      </c>
      <c r="U5" s="10">
        <v>36</v>
      </c>
      <c r="V5" s="12"/>
      <c r="W5" s="13"/>
      <c r="X5" s="14"/>
      <c r="Y5" s="15"/>
      <c r="Z5" s="13"/>
      <c r="AA5" s="13"/>
      <c r="AB5" s="13"/>
      <c r="AC5" s="14"/>
      <c r="AD5" s="15"/>
      <c r="AE5" s="13"/>
      <c r="AF5" s="13"/>
      <c r="AG5" s="13"/>
      <c r="AH5" s="14"/>
      <c r="AI5" s="12"/>
      <c r="AJ5" s="52"/>
      <c r="AK5" s="18"/>
    </row>
    <row r="6" spans="1:37" x14ac:dyDescent="0.2">
      <c r="A6" s="58" t="s">
        <v>846</v>
      </c>
      <c r="B6" s="11">
        <v>27</v>
      </c>
      <c r="C6" s="12"/>
      <c r="D6" s="13"/>
      <c r="E6" s="14"/>
      <c r="F6" s="15"/>
      <c r="G6" s="13"/>
      <c r="H6" s="13"/>
      <c r="I6" s="13"/>
      <c r="J6" s="14"/>
      <c r="K6" s="15"/>
      <c r="L6" s="13"/>
      <c r="M6" s="13"/>
      <c r="N6" s="13"/>
      <c r="O6" s="14"/>
      <c r="P6" s="12"/>
      <c r="Q6" s="52"/>
      <c r="R6" s="18"/>
      <c r="T6" s="58">
        <v>585</v>
      </c>
      <c r="U6" s="10" t="s">
        <v>259</v>
      </c>
      <c r="V6" s="12"/>
      <c r="W6" s="13"/>
      <c r="X6" s="14"/>
      <c r="Y6" s="15"/>
      <c r="Z6" s="13"/>
      <c r="AA6" s="13" t="s">
        <v>1</v>
      </c>
      <c r="AB6" s="13"/>
      <c r="AC6" s="14"/>
      <c r="AD6" s="15"/>
      <c r="AE6" s="13"/>
      <c r="AF6" s="13"/>
      <c r="AG6" s="13"/>
      <c r="AH6" s="14"/>
      <c r="AI6" s="12"/>
      <c r="AJ6" s="52">
        <v>2</v>
      </c>
      <c r="AK6" s="18"/>
    </row>
    <row r="7" spans="1:37" x14ac:dyDescent="0.2">
      <c r="A7" s="58" t="s">
        <v>845</v>
      </c>
      <c r="B7" s="11">
        <v>31</v>
      </c>
      <c r="C7" s="12"/>
      <c r="D7" s="13"/>
      <c r="E7" s="14"/>
      <c r="F7" s="15"/>
      <c r="G7" s="13"/>
      <c r="H7" s="13"/>
      <c r="I7" s="13"/>
      <c r="J7" s="14"/>
      <c r="K7" s="15"/>
      <c r="L7" s="13"/>
      <c r="M7" s="13"/>
      <c r="N7" s="13"/>
      <c r="O7" s="14"/>
      <c r="P7" s="12"/>
      <c r="Q7" s="52"/>
      <c r="R7" s="18"/>
      <c r="T7" s="58" t="s">
        <v>84</v>
      </c>
      <c r="U7" s="10" t="s">
        <v>259</v>
      </c>
      <c r="V7" s="12"/>
      <c r="W7" s="13"/>
      <c r="X7" s="14"/>
      <c r="Y7" s="15"/>
      <c r="Z7" s="13"/>
      <c r="AA7" s="13"/>
      <c r="AB7" s="13"/>
      <c r="AC7" s="14"/>
      <c r="AD7" s="15" t="s">
        <v>0</v>
      </c>
      <c r="AE7" s="13"/>
      <c r="AF7" s="13"/>
      <c r="AG7" s="13"/>
      <c r="AH7" s="14"/>
      <c r="AI7" s="12"/>
      <c r="AJ7" s="52">
        <v>4</v>
      </c>
      <c r="AK7" s="18"/>
    </row>
    <row r="8" spans="1:37" x14ac:dyDescent="0.2">
      <c r="A8" s="59" t="s">
        <v>844</v>
      </c>
      <c r="B8" s="21">
        <v>37</v>
      </c>
      <c r="C8" s="22"/>
      <c r="D8" s="23"/>
      <c r="E8" s="24"/>
      <c r="F8" s="25"/>
      <c r="G8" s="23"/>
      <c r="H8" s="23"/>
      <c r="I8" s="23"/>
      <c r="J8" s="24"/>
      <c r="K8" s="25"/>
      <c r="L8" s="23"/>
      <c r="M8" s="23"/>
      <c r="N8" s="23"/>
      <c r="O8" s="24"/>
      <c r="P8" s="22"/>
      <c r="Q8" s="53"/>
      <c r="R8" s="27"/>
      <c r="T8" s="59" t="s">
        <v>813</v>
      </c>
      <c r="U8" s="20">
        <v>47</v>
      </c>
      <c r="V8" s="22"/>
      <c r="W8" s="23"/>
      <c r="X8" s="24"/>
      <c r="Y8" s="25"/>
      <c r="Z8" s="23"/>
      <c r="AA8" s="23"/>
      <c r="AB8" s="23"/>
      <c r="AC8" s="24"/>
      <c r="AD8" s="25"/>
      <c r="AE8" s="23"/>
      <c r="AF8" s="23"/>
      <c r="AG8" s="23"/>
      <c r="AH8" s="24"/>
      <c r="AI8" s="22"/>
      <c r="AJ8" s="55"/>
      <c r="AK8" s="27"/>
    </row>
    <row r="9" spans="1:37" x14ac:dyDescent="0.2">
      <c r="A9" s="60" t="s">
        <v>843</v>
      </c>
      <c r="B9" s="2">
        <v>27</v>
      </c>
      <c r="C9" s="7"/>
      <c r="D9" s="4"/>
      <c r="E9" s="5"/>
      <c r="F9" s="6"/>
      <c r="G9" s="4"/>
      <c r="H9" s="4"/>
      <c r="I9" s="4"/>
      <c r="J9" s="5"/>
      <c r="K9" s="6"/>
      <c r="L9" s="4"/>
      <c r="M9" s="4"/>
      <c r="N9" s="4"/>
      <c r="O9" s="5"/>
      <c r="P9" s="3"/>
      <c r="Q9" s="51"/>
      <c r="R9" s="8"/>
      <c r="T9" s="60" t="s">
        <v>85</v>
      </c>
      <c r="U9" s="1" t="s">
        <v>259</v>
      </c>
      <c r="V9" s="7"/>
      <c r="W9" s="4"/>
      <c r="X9" s="5"/>
      <c r="Y9" s="6"/>
      <c r="Z9" s="4"/>
      <c r="AA9" s="4"/>
      <c r="AB9" s="4"/>
      <c r="AC9" s="5"/>
      <c r="AD9" s="6"/>
      <c r="AE9" s="4"/>
      <c r="AF9" s="4"/>
      <c r="AG9" s="4"/>
      <c r="AH9" s="5"/>
      <c r="AI9" s="3" t="s">
        <v>0</v>
      </c>
      <c r="AJ9" s="51">
        <v>3</v>
      </c>
      <c r="AK9" s="8"/>
    </row>
    <row r="10" spans="1:37" x14ac:dyDescent="0.2">
      <c r="A10" s="58">
        <v>556</v>
      </c>
      <c r="B10" s="11" t="s">
        <v>259</v>
      </c>
      <c r="C10" s="12"/>
      <c r="D10" s="13"/>
      <c r="E10" s="14"/>
      <c r="F10" s="15"/>
      <c r="G10" s="13"/>
      <c r="H10" s="13"/>
      <c r="I10" s="13"/>
      <c r="J10" s="14"/>
      <c r="K10" s="15"/>
      <c r="L10" s="13"/>
      <c r="M10" s="13"/>
      <c r="N10" s="13" t="s">
        <v>1</v>
      </c>
      <c r="O10" s="14"/>
      <c r="P10" s="12"/>
      <c r="Q10" s="52">
        <v>4</v>
      </c>
      <c r="R10" s="18" t="s">
        <v>259</v>
      </c>
      <c r="T10" s="58" t="s">
        <v>812</v>
      </c>
      <c r="U10" s="10">
        <v>14</v>
      </c>
      <c r="V10" s="12"/>
      <c r="W10" s="13"/>
      <c r="X10" s="14"/>
      <c r="Y10" s="15"/>
      <c r="Z10" s="13"/>
      <c r="AA10" s="13"/>
      <c r="AB10" s="13"/>
      <c r="AC10" s="14"/>
      <c r="AD10" s="15"/>
      <c r="AE10" s="13"/>
      <c r="AF10" s="13"/>
      <c r="AG10" s="13"/>
      <c r="AH10" s="14"/>
      <c r="AI10" s="12"/>
      <c r="AJ10" s="54"/>
      <c r="AK10" s="18"/>
    </row>
    <row r="11" spans="1:37" x14ac:dyDescent="0.2">
      <c r="A11" s="58" t="s">
        <v>842</v>
      </c>
      <c r="B11" s="11">
        <v>37</v>
      </c>
      <c r="C11" s="12"/>
      <c r="D11" s="13"/>
      <c r="E11" s="14"/>
      <c r="F11" s="15"/>
      <c r="G11" s="13"/>
      <c r="H11" s="13"/>
      <c r="I11" s="13"/>
      <c r="J11" s="14"/>
      <c r="K11" s="15"/>
      <c r="L11" s="13"/>
      <c r="M11" s="13"/>
      <c r="N11" s="13"/>
      <c r="O11" s="14"/>
      <c r="P11" s="12"/>
      <c r="Q11" s="52"/>
      <c r="R11" s="18"/>
      <c r="T11" s="58" t="s">
        <v>86</v>
      </c>
      <c r="U11" s="10" t="s">
        <v>259</v>
      </c>
      <c r="V11" s="12"/>
      <c r="W11" s="13"/>
      <c r="X11" s="14"/>
      <c r="Y11" s="15"/>
      <c r="Z11" s="13"/>
      <c r="AA11" s="13"/>
      <c r="AB11" s="13"/>
      <c r="AC11" s="14"/>
      <c r="AD11" s="15"/>
      <c r="AE11" s="13" t="s">
        <v>0</v>
      </c>
      <c r="AF11" s="13"/>
      <c r="AG11" s="13"/>
      <c r="AH11" s="14"/>
      <c r="AI11" s="12"/>
      <c r="AJ11" s="52">
        <v>4</v>
      </c>
      <c r="AK11" s="18"/>
    </row>
    <row r="12" spans="1:37" x14ac:dyDescent="0.2">
      <c r="A12" s="58" t="s">
        <v>841</v>
      </c>
      <c r="B12" s="11">
        <v>37</v>
      </c>
      <c r="C12" s="12"/>
      <c r="D12" s="13"/>
      <c r="E12" s="14"/>
      <c r="F12" s="15"/>
      <c r="G12" s="13"/>
      <c r="H12" s="13"/>
      <c r="I12" s="13"/>
      <c r="J12" s="14"/>
      <c r="K12" s="15"/>
      <c r="L12" s="13"/>
      <c r="M12" s="13"/>
      <c r="N12" s="13"/>
      <c r="O12" s="14"/>
      <c r="P12" s="12"/>
      <c r="Q12" s="52"/>
      <c r="R12" s="18"/>
      <c r="T12" s="58" t="s">
        <v>811</v>
      </c>
      <c r="U12" s="10">
        <v>53</v>
      </c>
      <c r="V12" s="17"/>
      <c r="W12" s="13"/>
      <c r="X12" s="14"/>
      <c r="Y12" s="15"/>
      <c r="Z12" s="13"/>
      <c r="AA12" s="13"/>
      <c r="AB12" s="13"/>
      <c r="AC12" s="14"/>
      <c r="AD12" s="15"/>
      <c r="AE12" s="13"/>
      <c r="AF12" s="13"/>
      <c r="AG12" s="13"/>
      <c r="AH12" s="14"/>
      <c r="AI12" s="12"/>
      <c r="AJ12" s="54"/>
      <c r="AK12" s="18"/>
    </row>
    <row r="13" spans="1:37" x14ac:dyDescent="0.2">
      <c r="A13" s="59" t="s">
        <v>840</v>
      </c>
      <c r="B13" s="21">
        <v>44</v>
      </c>
      <c r="C13" s="22"/>
      <c r="D13" s="23"/>
      <c r="E13" s="24"/>
      <c r="F13" s="25"/>
      <c r="G13" s="23"/>
      <c r="H13" s="23"/>
      <c r="I13" s="23"/>
      <c r="J13" s="24"/>
      <c r="K13" s="25"/>
      <c r="L13" s="23"/>
      <c r="M13" s="23"/>
      <c r="N13" s="23"/>
      <c r="O13" s="24"/>
      <c r="P13" s="22"/>
      <c r="Q13" s="53"/>
      <c r="R13" s="27"/>
      <c r="T13" s="59">
        <v>588</v>
      </c>
      <c r="U13" s="20" t="s">
        <v>259</v>
      </c>
      <c r="V13" s="22"/>
      <c r="W13" s="23"/>
      <c r="X13" s="24"/>
      <c r="Y13" s="25"/>
      <c r="Z13" s="23"/>
      <c r="AA13" s="23" t="s">
        <v>1</v>
      </c>
      <c r="AB13" s="23"/>
      <c r="AC13" s="24"/>
      <c r="AD13" s="25"/>
      <c r="AE13" s="23"/>
      <c r="AF13" s="23"/>
      <c r="AG13" s="23"/>
      <c r="AH13" s="24"/>
      <c r="AI13" s="22"/>
      <c r="AJ13" s="53">
        <v>6</v>
      </c>
      <c r="AK13" s="27"/>
    </row>
    <row r="14" spans="1:37" x14ac:dyDescent="0.2">
      <c r="A14" s="60" t="s">
        <v>839</v>
      </c>
      <c r="B14" s="2">
        <v>44</v>
      </c>
      <c r="C14" s="3"/>
      <c r="D14" s="4"/>
      <c r="E14" s="5"/>
      <c r="F14" s="6"/>
      <c r="G14" s="4"/>
      <c r="H14" s="4"/>
      <c r="I14" s="4"/>
      <c r="J14" s="5"/>
      <c r="K14" s="6"/>
      <c r="L14" s="4"/>
      <c r="M14" s="4"/>
      <c r="N14" s="4"/>
      <c r="O14" s="5"/>
      <c r="P14" s="3"/>
      <c r="Q14" s="51"/>
      <c r="R14" s="8"/>
      <c r="T14" s="60" t="s">
        <v>810</v>
      </c>
      <c r="U14" s="1">
        <v>18</v>
      </c>
      <c r="V14" s="3"/>
      <c r="W14" s="4"/>
      <c r="X14" s="5"/>
      <c r="Y14" s="6"/>
      <c r="Z14" s="4"/>
      <c r="AA14" s="4"/>
      <c r="AB14" s="4"/>
      <c r="AC14" s="5"/>
      <c r="AD14" s="6"/>
      <c r="AE14" s="4"/>
      <c r="AF14" s="4"/>
      <c r="AG14" s="4"/>
      <c r="AH14" s="5"/>
      <c r="AI14" s="3"/>
      <c r="AJ14" s="66"/>
      <c r="AK14" s="8"/>
    </row>
    <row r="15" spans="1:37" x14ac:dyDescent="0.2">
      <c r="A15" s="58" t="s">
        <v>75</v>
      </c>
      <c r="B15" s="11" t="s">
        <v>259</v>
      </c>
      <c r="C15" s="17"/>
      <c r="D15" s="13"/>
      <c r="E15" s="14"/>
      <c r="F15" s="15"/>
      <c r="G15" s="13"/>
      <c r="H15" s="13"/>
      <c r="I15" s="13"/>
      <c r="J15" s="14"/>
      <c r="K15" s="15"/>
      <c r="L15" s="13"/>
      <c r="M15" s="13"/>
      <c r="N15" s="13"/>
      <c r="O15" s="14"/>
      <c r="P15" s="12" t="s">
        <v>0</v>
      </c>
      <c r="Q15" s="52">
        <v>4</v>
      </c>
      <c r="R15" s="18" t="s">
        <v>259</v>
      </c>
      <c r="T15" s="58" t="s">
        <v>809</v>
      </c>
      <c r="U15" s="10">
        <v>18</v>
      </c>
      <c r="V15" s="12"/>
      <c r="W15" s="13"/>
      <c r="X15" s="14"/>
      <c r="Y15" s="15"/>
      <c r="Z15" s="13"/>
      <c r="AA15" s="13"/>
      <c r="AB15" s="13"/>
      <c r="AC15" s="14"/>
      <c r="AD15" s="15"/>
      <c r="AE15" s="13"/>
      <c r="AF15" s="13"/>
      <c r="AG15" s="13"/>
      <c r="AH15" s="14"/>
      <c r="AI15" s="12"/>
      <c r="AJ15" s="52"/>
      <c r="AK15" s="18"/>
    </row>
    <row r="16" spans="1:37" x14ac:dyDescent="0.2">
      <c r="A16" s="58" t="s">
        <v>838</v>
      </c>
      <c r="B16" s="11">
        <v>49</v>
      </c>
      <c r="C16" s="12"/>
      <c r="D16" s="13"/>
      <c r="E16" s="14"/>
      <c r="F16" s="15"/>
      <c r="G16" s="13"/>
      <c r="H16" s="13"/>
      <c r="I16" s="13"/>
      <c r="J16" s="14"/>
      <c r="K16" s="15"/>
      <c r="L16" s="13"/>
      <c r="M16" s="13"/>
      <c r="N16" s="13"/>
      <c r="O16" s="14"/>
      <c r="P16" s="12"/>
      <c r="Q16" s="52"/>
      <c r="R16" s="18"/>
      <c r="T16" s="58" t="s">
        <v>87</v>
      </c>
      <c r="U16" s="10" t="s">
        <v>259</v>
      </c>
      <c r="V16" s="12"/>
      <c r="W16" s="13"/>
      <c r="X16" s="14"/>
      <c r="Y16" s="15"/>
      <c r="Z16" s="13"/>
      <c r="AA16" s="13"/>
      <c r="AB16" s="13"/>
      <c r="AC16" s="14"/>
      <c r="AD16" s="15"/>
      <c r="AE16" s="13"/>
      <c r="AF16" s="13" t="s">
        <v>0</v>
      </c>
      <c r="AG16" s="13"/>
      <c r="AH16" s="14"/>
      <c r="AI16" s="12"/>
      <c r="AJ16" s="52">
        <v>4</v>
      </c>
      <c r="AK16" s="18"/>
    </row>
    <row r="17" spans="1:37" x14ac:dyDescent="0.2">
      <c r="A17" s="58" t="s">
        <v>837</v>
      </c>
      <c r="B17" s="11">
        <v>40</v>
      </c>
      <c r="C17" s="17"/>
      <c r="D17" s="13"/>
      <c r="E17" s="14"/>
      <c r="F17" s="15"/>
      <c r="G17" s="13"/>
      <c r="H17" s="13"/>
      <c r="I17" s="13"/>
      <c r="J17" s="14"/>
      <c r="K17" s="15"/>
      <c r="L17" s="13"/>
      <c r="M17" s="13"/>
      <c r="N17" s="13"/>
      <c r="O17" s="14"/>
      <c r="P17" s="12"/>
      <c r="Q17" s="52"/>
      <c r="R17" s="18"/>
      <c r="T17" s="58" t="s">
        <v>808</v>
      </c>
      <c r="U17" s="10">
        <v>27</v>
      </c>
      <c r="V17" s="17"/>
      <c r="W17" s="13"/>
      <c r="X17" s="14"/>
      <c r="Y17" s="15"/>
      <c r="Z17" s="13"/>
      <c r="AA17" s="13"/>
      <c r="AB17" s="13"/>
      <c r="AC17" s="14"/>
      <c r="AD17" s="15"/>
      <c r="AE17" s="13"/>
      <c r="AF17" s="13"/>
      <c r="AG17" s="13"/>
      <c r="AH17" s="14"/>
      <c r="AI17" s="12"/>
      <c r="AJ17" s="52"/>
      <c r="AK17" s="18"/>
    </row>
    <row r="18" spans="1:37" x14ac:dyDescent="0.2">
      <c r="A18" s="59" t="s">
        <v>76</v>
      </c>
      <c r="B18" s="21" t="s">
        <v>259</v>
      </c>
      <c r="C18" s="26"/>
      <c r="D18" s="23"/>
      <c r="E18" s="24"/>
      <c r="F18" s="25"/>
      <c r="G18" s="23"/>
      <c r="H18" s="23"/>
      <c r="I18" s="23"/>
      <c r="J18" s="24"/>
      <c r="K18" s="25"/>
      <c r="L18" s="23"/>
      <c r="M18" s="23"/>
      <c r="N18" s="23"/>
      <c r="O18" s="24"/>
      <c r="P18" s="22" t="s">
        <v>0</v>
      </c>
      <c r="Q18" s="53">
        <v>3</v>
      </c>
      <c r="R18" s="27" t="s">
        <v>259</v>
      </c>
      <c r="T18" s="59" t="s">
        <v>807</v>
      </c>
      <c r="U18" s="20">
        <v>31</v>
      </c>
      <c r="V18" s="22"/>
      <c r="W18" s="23"/>
      <c r="X18" s="24"/>
      <c r="Y18" s="25"/>
      <c r="Z18" s="23"/>
      <c r="AA18" s="23"/>
      <c r="AB18" s="23"/>
      <c r="AC18" s="24"/>
      <c r="AD18" s="25"/>
      <c r="AE18" s="23"/>
      <c r="AF18" s="23"/>
      <c r="AG18" s="23"/>
      <c r="AH18" s="24"/>
      <c r="AI18" s="22"/>
      <c r="AJ18" s="53"/>
      <c r="AK18" s="27"/>
    </row>
    <row r="19" spans="1:37" x14ac:dyDescent="0.2">
      <c r="A19" s="60" t="s">
        <v>836</v>
      </c>
      <c r="B19" s="2">
        <v>40</v>
      </c>
      <c r="C19" s="7"/>
      <c r="D19" s="4"/>
      <c r="E19" s="5"/>
      <c r="F19" s="6"/>
      <c r="G19" s="4"/>
      <c r="H19" s="4"/>
      <c r="I19" s="4"/>
      <c r="J19" s="5"/>
      <c r="K19" s="6"/>
      <c r="L19" s="4"/>
      <c r="M19" s="4"/>
      <c r="N19" s="4"/>
      <c r="O19" s="5"/>
      <c r="P19" s="3"/>
      <c r="Q19" s="51"/>
      <c r="R19" s="8"/>
      <c r="T19" s="60" t="s">
        <v>806</v>
      </c>
      <c r="U19" s="1">
        <v>51</v>
      </c>
      <c r="V19" s="3"/>
      <c r="W19" s="4"/>
      <c r="X19" s="5"/>
      <c r="Y19" s="6"/>
      <c r="Z19" s="4"/>
      <c r="AA19" s="4"/>
      <c r="AB19" s="4"/>
      <c r="AC19" s="5"/>
      <c r="AD19" s="6"/>
      <c r="AE19" s="4"/>
      <c r="AF19" s="4"/>
      <c r="AG19" s="4"/>
      <c r="AH19" s="5"/>
      <c r="AI19" s="3"/>
      <c r="AJ19" s="51"/>
      <c r="AK19" s="8"/>
    </row>
    <row r="20" spans="1:37" x14ac:dyDescent="0.2">
      <c r="A20" s="58" t="s">
        <v>77</v>
      </c>
      <c r="B20" s="11" t="s">
        <v>259</v>
      </c>
      <c r="C20" s="12"/>
      <c r="D20" s="13"/>
      <c r="E20" s="14"/>
      <c r="F20" s="15"/>
      <c r="G20" s="13"/>
      <c r="H20" s="13"/>
      <c r="I20" s="13"/>
      <c r="J20" s="14" t="s">
        <v>0</v>
      </c>
      <c r="K20" s="15"/>
      <c r="L20" s="13" t="s">
        <v>0</v>
      </c>
      <c r="M20" s="13"/>
      <c r="N20" s="13"/>
      <c r="O20" s="14"/>
      <c r="P20" s="12"/>
      <c r="Q20" s="52">
        <v>8</v>
      </c>
      <c r="R20" s="18" t="s">
        <v>259</v>
      </c>
      <c r="T20" s="58" t="s">
        <v>805</v>
      </c>
      <c r="U20" s="10">
        <v>51</v>
      </c>
      <c r="V20" s="12"/>
      <c r="W20" s="13"/>
      <c r="X20" s="14"/>
      <c r="Y20" s="15"/>
      <c r="Z20" s="13"/>
      <c r="AA20" s="13"/>
      <c r="AB20" s="13"/>
      <c r="AC20" s="14"/>
      <c r="AD20" s="15"/>
      <c r="AE20" s="13"/>
      <c r="AF20" s="13"/>
      <c r="AG20" s="13"/>
      <c r="AH20" s="14"/>
      <c r="AI20" s="12"/>
      <c r="AJ20" s="52"/>
      <c r="AK20" s="18"/>
    </row>
    <row r="21" spans="1:37" x14ac:dyDescent="0.2">
      <c r="A21" s="58" t="s">
        <v>835</v>
      </c>
      <c r="B21" s="11">
        <v>37</v>
      </c>
      <c r="C21" s="12"/>
      <c r="D21" s="13"/>
      <c r="E21" s="14"/>
      <c r="F21" s="15"/>
      <c r="G21" s="13"/>
      <c r="H21" s="13"/>
      <c r="I21" s="13"/>
      <c r="J21" s="14"/>
      <c r="K21" s="15"/>
      <c r="L21" s="13"/>
      <c r="M21" s="13"/>
      <c r="N21" s="13"/>
      <c r="O21" s="14"/>
      <c r="P21" s="12"/>
      <c r="Q21" s="52"/>
      <c r="R21" s="18"/>
      <c r="T21" s="61" t="s">
        <v>804</v>
      </c>
      <c r="U21" s="10">
        <v>27</v>
      </c>
      <c r="V21" s="12"/>
      <c r="W21" s="13"/>
      <c r="X21" s="14"/>
      <c r="Y21" s="15"/>
      <c r="Z21" s="13"/>
      <c r="AA21" s="13"/>
      <c r="AB21" s="13"/>
      <c r="AC21" s="14"/>
      <c r="AD21" s="15"/>
      <c r="AE21" s="13"/>
      <c r="AF21" s="13"/>
      <c r="AG21" s="13"/>
      <c r="AH21" s="14"/>
      <c r="AI21" s="12"/>
      <c r="AJ21" s="52"/>
      <c r="AK21" s="18"/>
    </row>
    <row r="22" spans="1:37" x14ac:dyDescent="0.2">
      <c r="A22" s="58" t="s">
        <v>834</v>
      </c>
      <c r="B22" s="11">
        <v>53</v>
      </c>
      <c r="C22" s="17"/>
      <c r="D22" s="34"/>
      <c r="E22" s="35"/>
      <c r="F22" s="36"/>
      <c r="G22" s="34"/>
      <c r="H22" s="34"/>
      <c r="I22" s="34"/>
      <c r="J22" s="35"/>
      <c r="K22" s="36"/>
      <c r="L22" s="34"/>
      <c r="M22" s="34"/>
      <c r="N22" s="34"/>
      <c r="O22" s="35"/>
      <c r="P22" s="17"/>
      <c r="Q22" s="52"/>
      <c r="R22" s="18"/>
      <c r="T22" s="58" t="s">
        <v>88</v>
      </c>
      <c r="U22" s="10" t="s">
        <v>259</v>
      </c>
      <c r="V22" s="12"/>
      <c r="W22" s="13"/>
      <c r="X22" s="14"/>
      <c r="Y22" s="15"/>
      <c r="Z22" s="13"/>
      <c r="AA22" s="13"/>
      <c r="AB22" s="13"/>
      <c r="AC22" s="14"/>
      <c r="AD22" s="15"/>
      <c r="AE22" s="13" t="s">
        <v>0</v>
      </c>
      <c r="AF22" s="13"/>
      <c r="AG22" s="13"/>
      <c r="AH22" s="14"/>
      <c r="AI22" s="12"/>
      <c r="AJ22" s="52">
        <v>4</v>
      </c>
      <c r="AK22" s="18"/>
    </row>
    <row r="23" spans="1:37" x14ac:dyDescent="0.2">
      <c r="A23" s="59">
        <v>565</v>
      </c>
      <c r="B23" s="21" t="s">
        <v>259</v>
      </c>
      <c r="C23" s="22"/>
      <c r="D23" s="23"/>
      <c r="E23" s="24"/>
      <c r="F23" s="25"/>
      <c r="G23" s="23"/>
      <c r="H23" s="23" t="s">
        <v>1</v>
      </c>
      <c r="I23" s="23"/>
      <c r="J23" s="24"/>
      <c r="K23" s="25"/>
      <c r="L23" s="23"/>
      <c r="M23" s="23"/>
      <c r="N23" s="23"/>
      <c r="O23" s="24"/>
      <c r="P23" s="22"/>
      <c r="Q23" s="53">
        <v>4</v>
      </c>
      <c r="R23" s="27"/>
      <c r="T23" s="59" t="s">
        <v>803</v>
      </c>
      <c r="U23" s="20">
        <v>41</v>
      </c>
      <c r="V23" s="26"/>
      <c r="W23" s="23"/>
      <c r="X23" s="24"/>
      <c r="Y23" s="25"/>
      <c r="Z23" s="23"/>
      <c r="AA23" s="23"/>
      <c r="AB23" s="23"/>
      <c r="AC23" s="24"/>
      <c r="AD23" s="25"/>
      <c r="AE23" s="23"/>
      <c r="AF23" s="23"/>
      <c r="AG23" s="23"/>
      <c r="AH23" s="24"/>
      <c r="AI23" s="22"/>
      <c r="AJ23" s="53"/>
      <c r="AK23" s="27"/>
    </row>
    <row r="24" spans="1:37" x14ac:dyDescent="0.2">
      <c r="A24" s="57" t="s">
        <v>833</v>
      </c>
      <c r="B24" s="2">
        <v>46</v>
      </c>
      <c r="C24" s="3"/>
      <c r="D24" s="4"/>
      <c r="E24" s="5"/>
      <c r="F24" s="6"/>
      <c r="G24" s="4"/>
      <c r="H24" s="4"/>
      <c r="I24" s="4"/>
      <c r="J24" s="5"/>
      <c r="K24" s="6"/>
      <c r="L24" s="4"/>
      <c r="M24" s="4"/>
      <c r="N24" s="4"/>
      <c r="O24" s="5"/>
      <c r="P24" s="3"/>
      <c r="Q24" s="51"/>
      <c r="R24" s="8"/>
      <c r="T24" s="60" t="s">
        <v>802</v>
      </c>
      <c r="U24" s="1">
        <v>36</v>
      </c>
      <c r="V24" s="3"/>
      <c r="W24" s="4"/>
      <c r="X24" s="5"/>
      <c r="Y24" s="6"/>
      <c r="Z24" s="4"/>
      <c r="AA24" s="4"/>
      <c r="AB24" s="4"/>
      <c r="AC24" s="5"/>
      <c r="AD24" s="6"/>
      <c r="AE24" s="4"/>
      <c r="AF24" s="4"/>
      <c r="AG24" s="4"/>
      <c r="AH24" s="5"/>
      <c r="AI24" s="3"/>
      <c r="AJ24" s="51"/>
      <c r="AK24" s="8"/>
    </row>
    <row r="25" spans="1:37" x14ac:dyDescent="0.2">
      <c r="A25" s="58" t="s">
        <v>832</v>
      </c>
      <c r="B25" s="11">
        <v>28</v>
      </c>
      <c r="C25" s="12"/>
      <c r="D25" s="13"/>
      <c r="E25" s="14"/>
      <c r="F25" s="15"/>
      <c r="G25" s="13"/>
      <c r="H25" s="13"/>
      <c r="I25" s="13"/>
      <c r="J25" s="14"/>
      <c r="K25" s="15"/>
      <c r="L25" s="13"/>
      <c r="M25" s="13"/>
      <c r="N25" s="13"/>
      <c r="O25" s="14"/>
      <c r="P25" s="12"/>
      <c r="Q25" s="52"/>
      <c r="R25" s="18"/>
      <c r="T25" s="58" t="s">
        <v>89</v>
      </c>
      <c r="U25" s="32" t="s">
        <v>259</v>
      </c>
      <c r="V25" s="17"/>
      <c r="W25" s="13"/>
      <c r="X25" s="14"/>
      <c r="Y25" s="15"/>
      <c r="Z25" s="13"/>
      <c r="AA25" s="13"/>
      <c r="AB25" s="13"/>
      <c r="AC25" s="14"/>
      <c r="AD25" s="15"/>
      <c r="AE25" s="13" t="s">
        <v>0</v>
      </c>
      <c r="AF25" s="13" t="s">
        <v>0</v>
      </c>
      <c r="AG25" s="13"/>
      <c r="AH25" s="14"/>
      <c r="AI25" s="12"/>
      <c r="AJ25" s="52">
        <v>11</v>
      </c>
      <c r="AK25" s="18"/>
    </row>
    <row r="26" spans="1:37" x14ac:dyDescent="0.2">
      <c r="A26" s="58" t="s">
        <v>78</v>
      </c>
      <c r="B26" s="11" t="s">
        <v>259</v>
      </c>
      <c r="C26" s="12"/>
      <c r="D26" s="13"/>
      <c r="E26" s="14"/>
      <c r="F26" s="15"/>
      <c r="G26" s="13"/>
      <c r="H26" s="13"/>
      <c r="I26" s="13"/>
      <c r="J26" s="14" t="s">
        <v>0</v>
      </c>
      <c r="K26" s="15"/>
      <c r="L26" s="13"/>
      <c r="M26" s="13"/>
      <c r="N26" s="13"/>
      <c r="O26" s="14"/>
      <c r="P26" s="12"/>
      <c r="Q26" s="52">
        <v>4</v>
      </c>
      <c r="R26" s="18"/>
      <c r="T26" s="58" t="s">
        <v>801</v>
      </c>
      <c r="U26" s="10">
        <v>60</v>
      </c>
      <c r="V26" s="12"/>
      <c r="W26" s="13"/>
      <c r="X26" s="14"/>
      <c r="Y26" s="15"/>
      <c r="Z26" s="13"/>
      <c r="AA26" s="13"/>
      <c r="AB26" s="13"/>
      <c r="AC26" s="35"/>
      <c r="AD26" s="15"/>
      <c r="AE26" s="13"/>
      <c r="AF26" s="13"/>
      <c r="AG26" s="13"/>
      <c r="AH26" s="14"/>
      <c r="AI26" s="12"/>
      <c r="AJ26" s="52"/>
      <c r="AK26" s="18"/>
    </row>
    <row r="27" spans="1:37" x14ac:dyDescent="0.2">
      <c r="A27" s="58" t="s">
        <v>831</v>
      </c>
      <c r="B27" s="11">
        <v>27</v>
      </c>
      <c r="C27" s="17"/>
      <c r="D27" s="34"/>
      <c r="E27" s="35"/>
      <c r="F27" s="36"/>
      <c r="G27" s="34"/>
      <c r="H27" s="34"/>
      <c r="I27" s="34"/>
      <c r="J27" s="35"/>
      <c r="K27" s="36"/>
      <c r="L27" s="34"/>
      <c r="M27" s="34"/>
      <c r="N27" s="34"/>
      <c r="O27" s="35"/>
      <c r="P27" s="17"/>
      <c r="Q27" s="52"/>
      <c r="R27" s="18"/>
      <c r="T27" s="58" t="s">
        <v>800</v>
      </c>
      <c r="U27" s="10">
        <v>36</v>
      </c>
      <c r="V27" s="12"/>
      <c r="W27" s="13"/>
      <c r="X27" s="14"/>
      <c r="Y27" s="15"/>
      <c r="Z27" s="13"/>
      <c r="AA27" s="13"/>
      <c r="AB27" s="13"/>
      <c r="AC27" s="14"/>
      <c r="AD27" s="15"/>
      <c r="AE27" s="13"/>
      <c r="AF27" s="13"/>
      <c r="AG27" s="13"/>
      <c r="AH27" s="14"/>
      <c r="AI27" s="12"/>
      <c r="AJ27" s="52"/>
      <c r="AK27" s="18"/>
    </row>
    <row r="28" spans="1:37" x14ac:dyDescent="0.2">
      <c r="A28" s="59" t="s">
        <v>79</v>
      </c>
      <c r="B28" s="21" t="s">
        <v>259</v>
      </c>
      <c r="C28" s="22"/>
      <c r="D28" s="23"/>
      <c r="E28" s="24"/>
      <c r="F28" s="25"/>
      <c r="G28" s="23"/>
      <c r="H28" s="23"/>
      <c r="I28" s="23"/>
      <c r="J28" s="24"/>
      <c r="K28" s="25" t="s">
        <v>0</v>
      </c>
      <c r="L28" s="23"/>
      <c r="M28" s="23"/>
      <c r="N28" s="23"/>
      <c r="O28" s="24"/>
      <c r="P28" s="22"/>
      <c r="Q28" s="53">
        <v>4</v>
      </c>
      <c r="R28" s="27"/>
      <c r="T28" s="59" t="s">
        <v>90</v>
      </c>
      <c r="U28" s="20" t="s">
        <v>259</v>
      </c>
      <c r="V28" s="26"/>
      <c r="W28" s="23"/>
      <c r="X28" s="24"/>
      <c r="Y28" s="25"/>
      <c r="Z28" s="23"/>
      <c r="AA28" s="23"/>
      <c r="AB28" s="23"/>
      <c r="AC28" s="24"/>
      <c r="AD28" s="25"/>
      <c r="AE28" s="23" t="s">
        <v>0</v>
      </c>
      <c r="AF28" s="23"/>
      <c r="AG28" s="23"/>
      <c r="AH28" s="24"/>
      <c r="AI28" s="22"/>
      <c r="AJ28" s="53">
        <v>4</v>
      </c>
      <c r="AK28" s="27"/>
    </row>
    <row r="29" spans="1:37" x14ac:dyDescent="0.2">
      <c r="A29" s="60" t="s">
        <v>830</v>
      </c>
      <c r="B29" s="2">
        <v>48</v>
      </c>
      <c r="C29" s="3"/>
      <c r="D29" s="4"/>
      <c r="E29" s="5"/>
      <c r="F29" s="6"/>
      <c r="G29" s="4"/>
      <c r="H29" s="4"/>
      <c r="I29" s="4"/>
      <c r="J29" s="5"/>
      <c r="K29" s="6"/>
      <c r="L29" s="4"/>
      <c r="M29" s="4"/>
      <c r="N29" s="4"/>
      <c r="O29" s="5"/>
      <c r="P29" s="3"/>
      <c r="Q29" s="51"/>
      <c r="R29" s="8"/>
      <c r="T29" s="60" t="s">
        <v>799</v>
      </c>
      <c r="U29" s="1">
        <v>44</v>
      </c>
      <c r="V29" s="3"/>
      <c r="W29" s="4"/>
      <c r="X29" s="5"/>
      <c r="Y29" s="6"/>
      <c r="Z29" s="4"/>
      <c r="AA29" s="4"/>
      <c r="AB29" s="4"/>
      <c r="AC29" s="5"/>
      <c r="AD29" s="6"/>
      <c r="AE29" s="4"/>
      <c r="AF29" s="4"/>
      <c r="AG29" s="4"/>
      <c r="AH29" s="5"/>
      <c r="AI29" s="3"/>
      <c r="AJ29" s="51"/>
      <c r="AK29" s="8"/>
    </row>
    <row r="30" spans="1:37" x14ac:dyDescent="0.2">
      <c r="A30" s="58" t="s">
        <v>829</v>
      </c>
      <c r="B30" s="11">
        <v>32</v>
      </c>
      <c r="C30" s="12"/>
      <c r="D30" s="13"/>
      <c r="E30" s="14"/>
      <c r="F30" s="15"/>
      <c r="G30" s="13"/>
      <c r="H30" s="13"/>
      <c r="I30" s="13"/>
      <c r="J30" s="14"/>
      <c r="K30" s="15"/>
      <c r="L30" s="13"/>
      <c r="M30" s="13"/>
      <c r="N30" s="13"/>
      <c r="O30" s="14"/>
      <c r="P30" s="12"/>
      <c r="Q30" s="52"/>
      <c r="R30" s="18"/>
      <c r="T30" s="58" t="s">
        <v>91</v>
      </c>
      <c r="U30" s="10" t="s">
        <v>259</v>
      </c>
      <c r="V30" s="17"/>
      <c r="W30" s="13"/>
      <c r="X30" s="14"/>
      <c r="Y30" s="15"/>
      <c r="Z30" s="13"/>
      <c r="AA30" s="13"/>
      <c r="AB30" s="13"/>
      <c r="AC30" s="14"/>
      <c r="AD30" s="15"/>
      <c r="AE30" s="13"/>
      <c r="AF30" s="13"/>
      <c r="AG30" s="13"/>
      <c r="AH30" s="14"/>
      <c r="AI30" s="12" t="s">
        <v>0</v>
      </c>
      <c r="AJ30" s="52">
        <v>3</v>
      </c>
      <c r="AK30" s="18"/>
    </row>
    <row r="31" spans="1:37" x14ac:dyDescent="0.2">
      <c r="A31" s="58">
        <v>570</v>
      </c>
      <c r="B31" s="11" t="s">
        <v>259</v>
      </c>
      <c r="C31" s="12"/>
      <c r="D31" s="13"/>
      <c r="E31" s="14"/>
      <c r="F31" s="15"/>
      <c r="G31" s="13"/>
      <c r="H31" s="13"/>
      <c r="I31" s="13"/>
      <c r="J31" s="14"/>
      <c r="K31" s="15"/>
      <c r="L31" s="13"/>
      <c r="M31" s="13" t="s">
        <v>1</v>
      </c>
      <c r="N31" s="13"/>
      <c r="O31" s="14"/>
      <c r="P31" s="12"/>
      <c r="Q31" s="52">
        <v>6</v>
      </c>
      <c r="R31" s="18"/>
      <c r="T31" s="58" t="s">
        <v>798</v>
      </c>
      <c r="U31" s="10">
        <v>54</v>
      </c>
      <c r="V31" s="17"/>
      <c r="W31" s="13"/>
      <c r="X31" s="14"/>
      <c r="Y31" s="15"/>
      <c r="Z31" s="13"/>
      <c r="AA31" s="13"/>
      <c r="AB31" s="13"/>
      <c r="AC31" s="14"/>
      <c r="AD31" s="15"/>
      <c r="AE31" s="13"/>
      <c r="AF31" s="13"/>
      <c r="AG31" s="13"/>
      <c r="AH31" s="14"/>
      <c r="AI31" s="12"/>
      <c r="AJ31" s="52"/>
      <c r="AK31" s="18"/>
    </row>
    <row r="32" spans="1:37" x14ac:dyDescent="0.2">
      <c r="A32" s="58" t="s">
        <v>828</v>
      </c>
      <c r="B32" s="11">
        <v>21</v>
      </c>
      <c r="C32" s="12"/>
      <c r="D32" s="13"/>
      <c r="E32" s="14"/>
      <c r="F32" s="15"/>
      <c r="G32" s="13"/>
      <c r="H32" s="13"/>
      <c r="I32" s="13"/>
      <c r="J32" s="14"/>
      <c r="K32" s="15"/>
      <c r="L32" s="13"/>
      <c r="M32" s="13"/>
      <c r="N32" s="13"/>
      <c r="O32" s="14"/>
      <c r="P32" s="12"/>
      <c r="Q32" s="52"/>
      <c r="R32" s="18"/>
      <c r="T32" s="58" t="s">
        <v>92</v>
      </c>
      <c r="U32" s="10" t="s">
        <v>259</v>
      </c>
      <c r="V32" s="12"/>
      <c r="W32" s="13"/>
      <c r="X32" s="14"/>
      <c r="Y32" s="15"/>
      <c r="Z32" s="13"/>
      <c r="AA32" s="13"/>
      <c r="AB32" s="13"/>
      <c r="AC32" s="14"/>
      <c r="AD32" s="15"/>
      <c r="AE32" s="13"/>
      <c r="AF32" s="13"/>
      <c r="AG32" s="13" t="s">
        <v>0</v>
      </c>
      <c r="AH32" s="14"/>
      <c r="AI32" s="12"/>
      <c r="AJ32" s="52">
        <v>4</v>
      </c>
      <c r="AK32" s="18"/>
    </row>
    <row r="33" spans="1:37" x14ac:dyDescent="0.2">
      <c r="A33" s="59">
        <v>571</v>
      </c>
      <c r="B33" s="21" t="s">
        <v>259</v>
      </c>
      <c r="C33" s="26" t="s">
        <v>0</v>
      </c>
      <c r="D33" s="23"/>
      <c r="E33" s="24"/>
      <c r="F33" s="25"/>
      <c r="G33" s="23"/>
      <c r="H33" s="23"/>
      <c r="I33" s="23"/>
      <c r="J33" s="24"/>
      <c r="K33" s="25"/>
      <c r="L33" s="23"/>
      <c r="M33" s="23"/>
      <c r="N33" s="23"/>
      <c r="O33" s="24"/>
      <c r="P33" s="22"/>
      <c r="Q33" s="53">
        <v>3</v>
      </c>
      <c r="R33" s="27"/>
      <c r="T33" s="59" t="s">
        <v>797</v>
      </c>
      <c r="U33" s="20">
        <v>49</v>
      </c>
      <c r="V33" s="22"/>
      <c r="W33" s="23"/>
      <c r="X33" s="24"/>
      <c r="Y33" s="25"/>
      <c r="Z33" s="23"/>
      <c r="AA33" s="23"/>
      <c r="AB33" s="23"/>
      <c r="AC33" s="24"/>
      <c r="AD33" s="25"/>
      <c r="AE33" s="23"/>
      <c r="AF33" s="23"/>
      <c r="AG33" s="23"/>
      <c r="AH33" s="24"/>
      <c r="AI33" s="22"/>
      <c r="AJ33" s="53"/>
      <c r="AK33" s="27"/>
    </row>
    <row r="34" spans="1:37" x14ac:dyDescent="0.2">
      <c r="A34" s="60" t="s">
        <v>827</v>
      </c>
      <c r="B34" s="1">
        <v>27</v>
      </c>
      <c r="C34" s="3"/>
      <c r="D34" s="4"/>
      <c r="E34" s="5"/>
      <c r="F34" s="6"/>
      <c r="G34" s="4"/>
      <c r="H34" s="4"/>
      <c r="I34" s="4"/>
      <c r="J34" s="5"/>
      <c r="K34" s="6"/>
      <c r="L34" s="4"/>
      <c r="M34" s="4"/>
      <c r="N34" s="4"/>
      <c r="O34" s="5"/>
      <c r="P34" s="3"/>
      <c r="Q34" s="51"/>
      <c r="R34" s="8"/>
      <c r="T34" s="60" t="s">
        <v>796</v>
      </c>
      <c r="U34" s="1">
        <v>36</v>
      </c>
      <c r="V34" s="3"/>
      <c r="W34" s="4"/>
      <c r="X34" s="5"/>
      <c r="Y34" s="6"/>
      <c r="Z34" s="4"/>
      <c r="AA34" s="4"/>
      <c r="AB34" s="4"/>
      <c r="AC34" s="5"/>
      <c r="AD34" s="6"/>
      <c r="AE34" s="4"/>
      <c r="AF34" s="4"/>
      <c r="AG34" s="4"/>
      <c r="AH34" s="5"/>
      <c r="AI34" s="3"/>
      <c r="AJ34" s="51"/>
      <c r="AK34" s="8"/>
    </row>
    <row r="35" spans="1:37" x14ac:dyDescent="0.2">
      <c r="A35" s="58">
        <v>572</v>
      </c>
      <c r="B35" s="10" t="s">
        <v>259</v>
      </c>
      <c r="C35" s="12"/>
      <c r="D35" s="13"/>
      <c r="E35" s="14"/>
      <c r="F35" s="15"/>
      <c r="G35" s="13"/>
      <c r="H35" s="13"/>
      <c r="I35" s="13" t="s">
        <v>1</v>
      </c>
      <c r="J35" s="14"/>
      <c r="K35" s="15"/>
      <c r="L35" s="13"/>
      <c r="M35" s="13"/>
      <c r="N35" s="13"/>
      <c r="O35" s="14"/>
      <c r="P35" s="12"/>
      <c r="Q35" s="52">
        <v>4</v>
      </c>
      <c r="R35" s="18"/>
      <c r="T35" s="58" t="s">
        <v>795</v>
      </c>
      <c r="U35" s="10">
        <v>57</v>
      </c>
      <c r="V35" s="12"/>
      <c r="W35" s="13"/>
      <c r="X35" s="14"/>
      <c r="Y35" s="15"/>
      <c r="Z35" s="13"/>
      <c r="AA35" s="13"/>
      <c r="AB35" s="13"/>
      <c r="AC35" s="14"/>
      <c r="AD35" s="15"/>
      <c r="AE35" s="13"/>
      <c r="AF35" s="13"/>
      <c r="AG35" s="13"/>
      <c r="AH35" s="14"/>
      <c r="AI35" s="12"/>
      <c r="AJ35" s="52"/>
      <c r="AK35" s="18"/>
    </row>
    <row r="36" spans="1:37" x14ac:dyDescent="0.2">
      <c r="A36" s="58" t="s">
        <v>826</v>
      </c>
      <c r="B36" s="10">
        <v>36</v>
      </c>
      <c r="C36" s="12"/>
      <c r="D36" s="13"/>
      <c r="E36" s="14"/>
      <c r="F36" s="15"/>
      <c r="G36" s="13"/>
      <c r="H36" s="13"/>
      <c r="I36" s="13"/>
      <c r="J36" s="14"/>
      <c r="K36" s="15"/>
      <c r="L36" s="13"/>
      <c r="M36" s="13"/>
      <c r="N36" s="13"/>
      <c r="O36" s="14"/>
      <c r="P36" s="12"/>
      <c r="Q36" s="52"/>
      <c r="R36" s="18"/>
      <c r="T36" s="58" t="s">
        <v>794</v>
      </c>
      <c r="U36" s="10">
        <v>50</v>
      </c>
      <c r="V36" s="12"/>
      <c r="W36" s="13"/>
      <c r="X36" s="14"/>
      <c r="Y36" s="15"/>
      <c r="Z36" s="13"/>
      <c r="AA36" s="13"/>
      <c r="AB36" s="13"/>
      <c r="AC36" s="14"/>
      <c r="AD36" s="15"/>
      <c r="AE36" s="13"/>
      <c r="AF36" s="13"/>
      <c r="AG36" s="13"/>
      <c r="AH36" s="14"/>
      <c r="AI36" s="12"/>
      <c r="AJ36" s="52"/>
      <c r="AK36" s="18"/>
    </row>
    <row r="37" spans="1:37" x14ac:dyDescent="0.2">
      <c r="A37" s="58">
        <v>573</v>
      </c>
      <c r="B37" s="10" t="s">
        <v>259</v>
      </c>
      <c r="C37" s="12"/>
      <c r="D37" s="13"/>
      <c r="E37" s="14"/>
      <c r="F37" s="15"/>
      <c r="G37" s="13"/>
      <c r="H37" s="13"/>
      <c r="I37" s="13"/>
      <c r="J37" s="14"/>
      <c r="K37" s="15"/>
      <c r="L37" s="13"/>
      <c r="M37" s="13" t="s">
        <v>1</v>
      </c>
      <c r="N37" s="13"/>
      <c r="O37" s="14"/>
      <c r="P37" s="12"/>
      <c r="Q37" s="52">
        <v>6</v>
      </c>
      <c r="R37" s="18"/>
      <c r="T37" s="58">
        <v>605</v>
      </c>
      <c r="U37" s="10" t="s">
        <v>259</v>
      </c>
      <c r="V37" s="12"/>
      <c r="W37" s="13"/>
      <c r="X37" s="14"/>
      <c r="Y37" s="15"/>
      <c r="Z37" s="13"/>
      <c r="AA37" s="13"/>
      <c r="AB37" s="13"/>
      <c r="AC37" s="14"/>
      <c r="AD37" s="15" t="s">
        <v>1</v>
      </c>
      <c r="AE37" s="13"/>
      <c r="AF37" s="13"/>
      <c r="AG37" s="13"/>
      <c r="AH37" s="14"/>
      <c r="AI37" s="12"/>
      <c r="AJ37" s="52">
        <v>4</v>
      </c>
      <c r="AK37" s="18"/>
    </row>
    <row r="38" spans="1:37" x14ac:dyDescent="0.2">
      <c r="A38" s="59" t="s">
        <v>80</v>
      </c>
      <c r="B38" s="20" t="s">
        <v>259</v>
      </c>
      <c r="C38" s="22"/>
      <c r="D38" s="23"/>
      <c r="E38" s="24"/>
      <c r="F38" s="25"/>
      <c r="G38" s="23"/>
      <c r="H38" s="23"/>
      <c r="I38" s="23"/>
      <c r="J38" s="24"/>
      <c r="K38" s="25" t="s">
        <v>0</v>
      </c>
      <c r="L38" s="23" t="s">
        <v>0</v>
      </c>
      <c r="M38" s="23"/>
      <c r="N38" s="23"/>
      <c r="O38" s="24"/>
      <c r="P38" s="22"/>
      <c r="Q38" s="53">
        <v>8</v>
      </c>
      <c r="R38" s="27"/>
      <c r="T38" s="59" t="s">
        <v>793</v>
      </c>
      <c r="U38" s="20">
        <v>49</v>
      </c>
      <c r="V38" s="22"/>
      <c r="W38" s="23"/>
      <c r="X38" s="24"/>
      <c r="Y38" s="25"/>
      <c r="Z38" s="23"/>
      <c r="AA38" s="23"/>
      <c r="AB38" s="23"/>
      <c r="AC38" s="24"/>
      <c r="AD38" s="25"/>
      <c r="AE38" s="23"/>
      <c r="AF38" s="23"/>
      <c r="AG38" s="23"/>
      <c r="AH38" s="24"/>
      <c r="AI38" s="22"/>
      <c r="AJ38" s="53"/>
      <c r="AK38" s="27"/>
    </row>
    <row r="39" spans="1:37" x14ac:dyDescent="0.2">
      <c r="A39" s="60" t="s">
        <v>825</v>
      </c>
      <c r="B39" s="1">
        <v>55</v>
      </c>
      <c r="C39" s="3"/>
      <c r="D39" s="4"/>
      <c r="E39" s="5"/>
      <c r="F39" s="6"/>
      <c r="G39" s="4"/>
      <c r="H39" s="4"/>
      <c r="I39" s="4"/>
      <c r="J39" s="5"/>
      <c r="K39" s="6"/>
      <c r="L39" s="4"/>
      <c r="M39" s="4"/>
      <c r="N39" s="4"/>
      <c r="O39" s="5"/>
      <c r="P39" s="3"/>
      <c r="Q39" s="51"/>
      <c r="R39" s="8"/>
      <c r="T39" s="60">
        <v>606</v>
      </c>
      <c r="U39" s="1" t="s">
        <v>259</v>
      </c>
      <c r="V39" s="3"/>
      <c r="W39" s="4"/>
      <c r="X39" s="5"/>
      <c r="Y39" s="6"/>
      <c r="Z39" s="4"/>
      <c r="AA39" s="4"/>
      <c r="AB39" s="4"/>
      <c r="AC39" s="5"/>
      <c r="AD39" s="6" t="s">
        <v>1</v>
      </c>
      <c r="AE39" s="4"/>
      <c r="AF39" s="4"/>
      <c r="AG39" s="4"/>
      <c r="AH39" s="5"/>
      <c r="AI39" s="3"/>
      <c r="AJ39" s="51">
        <v>4</v>
      </c>
      <c r="AK39" s="8"/>
    </row>
    <row r="40" spans="1:37" x14ac:dyDescent="0.2">
      <c r="A40" s="58" t="s">
        <v>81</v>
      </c>
      <c r="B40" s="10" t="s">
        <v>259</v>
      </c>
      <c r="C40" s="17" t="s">
        <v>0</v>
      </c>
      <c r="D40" s="13"/>
      <c r="E40" s="14"/>
      <c r="F40" s="15"/>
      <c r="G40" s="13"/>
      <c r="H40" s="13"/>
      <c r="I40" s="13"/>
      <c r="J40" s="14"/>
      <c r="K40" s="15"/>
      <c r="L40" s="13"/>
      <c r="M40" s="13"/>
      <c r="N40" s="13"/>
      <c r="O40" s="14"/>
      <c r="P40" s="12"/>
      <c r="Q40" s="52">
        <v>3</v>
      </c>
      <c r="R40" s="18"/>
      <c r="T40" s="58" t="s">
        <v>93</v>
      </c>
      <c r="U40" s="10" t="s">
        <v>259</v>
      </c>
      <c r="V40" s="12"/>
      <c r="W40" s="13"/>
      <c r="X40" s="14"/>
      <c r="Y40" s="15"/>
      <c r="Z40" s="13"/>
      <c r="AA40" s="13"/>
      <c r="AB40" s="13"/>
      <c r="AC40" s="14" t="s">
        <v>0</v>
      </c>
      <c r="AD40" s="15"/>
      <c r="AE40" s="13"/>
      <c r="AF40" s="13"/>
      <c r="AG40" s="13"/>
      <c r="AH40" s="14"/>
      <c r="AI40" s="12"/>
      <c r="AJ40" s="52">
        <v>4</v>
      </c>
      <c r="AK40" s="18"/>
    </row>
    <row r="41" spans="1:37" x14ac:dyDescent="0.2">
      <c r="A41" s="58" t="s">
        <v>824</v>
      </c>
      <c r="B41" s="10">
        <v>40</v>
      </c>
      <c r="C41" s="12"/>
      <c r="D41" s="13"/>
      <c r="E41" s="14"/>
      <c r="F41" s="15"/>
      <c r="G41" s="13"/>
      <c r="H41" s="13"/>
      <c r="I41" s="13"/>
      <c r="J41" s="14"/>
      <c r="K41" s="15"/>
      <c r="L41" s="13"/>
      <c r="M41" s="13"/>
      <c r="N41" s="13"/>
      <c r="O41" s="14"/>
      <c r="P41" s="12"/>
      <c r="Q41" s="52"/>
      <c r="R41" s="18"/>
      <c r="T41" s="58" t="s">
        <v>792</v>
      </c>
      <c r="U41" s="10">
        <v>40</v>
      </c>
      <c r="V41" s="12"/>
      <c r="W41" s="13"/>
      <c r="X41" s="14"/>
      <c r="Y41" s="15"/>
      <c r="Z41" s="13"/>
      <c r="AA41" s="13"/>
      <c r="AB41" s="13"/>
      <c r="AC41" s="14"/>
      <c r="AD41" s="15"/>
      <c r="AE41" s="13"/>
      <c r="AF41" s="13"/>
      <c r="AG41" s="13"/>
      <c r="AH41" s="14"/>
      <c r="AI41" s="12"/>
      <c r="AJ41" s="52"/>
      <c r="AK41" s="18"/>
    </row>
    <row r="42" spans="1:37" x14ac:dyDescent="0.2">
      <c r="A42" s="58" t="s">
        <v>823</v>
      </c>
      <c r="B42" s="10">
        <v>36</v>
      </c>
      <c r="C42" s="17"/>
      <c r="D42" s="13"/>
      <c r="E42" s="14"/>
      <c r="F42" s="15"/>
      <c r="G42" s="13"/>
      <c r="H42" s="13"/>
      <c r="I42" s="13"/>
      <c r="J42" s="14"/>
      <c r="K42" s="15"/>
      <c r="L42" s="13"/>
      <c r="M42" s="13"/>
      <c r="N42" s="13"/>
      <c r="O42" s="14"/>
      <c r="P42" s="12"/>
      <c r="Q42" s="52"/>
      <c r="R42" s="18"/>
      <c r="T42" s="58">
        <v>607</v>
      </c>
      <c r="U42" s="10" t="s">
        <v>259</v>
      </c>
      <c r="V42" s="12"/>
      <c r="W42" s="13"/>
      <c r="X42" s="14"/>
      <c r="Y42" s="15"/>
      <c r="Z42" s="13"/>
      <c r="AA42" s="13"/>
      <c r="AB42" s="13"/>
      <c r="AC42" s="14" t="s">
        <v>1</v>
      </c>
      <c r="AD42" s="15" t="s">
        <v>1</v>
      </c>
      <c r="AE42" s="13" t="s">
        <v>1</v>
      </c>
      <c r="AF42" s="13" t="s">
        <v>1</v>
      </c>
      <c r="AG42" s="13"/>
      <c r="AH42" s="14"/>
      <c r="AI42" s="12"/>
      <c r="AJ42" s="52">
        <v>9</v>
      </c>
      <c r="AK42" s="18"/>
    </row>
    <row r="43" spans="1:37" x14ac:dyDescent="0.2">
      <c r="A43" s="59" t="s">
        <v>822</v>
      </c>
      <c r="B43" s="20">
        <v>27</v>
      </c>
      <c r="C43" s="22"/>
      <c r="D43" s="23"/>
      <c r="E43" s="24"/>
      <c r="F43" s="25"/>
      <c r="G43" s="23"/>
      <c r="H43" s="23"/>
      <c r="I43" s="23"/>
      <c r="J43" s="24"/>
      <c r="K43" s="25"/>
      <c r="L43" s="23"/>
      <c r="M43" s="23"/>
      <c r="N43" s="23"/>
      <c r="O43" s="24"/>
      <c r="P43" s="22"/>
      <c r="Q43" s="53"/>
      <c r="R43" s="27"/>
      <c r="T43" s="59" t="s">
        <v>791</v>
      </c>
      <c r="U43" s="20">
        <v>50</v>
      </c>
      <c r="V43" s="22"/>
      <c r="W43" s="23"/>
      <c r="X43" s="24"/>
      <c r="Y43" s="25"/>
      <c r="Z43" s="23"/>
      <c r="AA43" s="23"/>
      <c r="AB43" s="23"/>
      <c r="AC43" s="24"/>
      <c r="AD43" s="25"/>
      <c r="AE43" s="23"/>
      <c r="AF43" s="23"/>
      <c r="AG43" s="23"/>
      <c r="AH43" s="24"/>
      <c r="AI43" s="22"/>
      <c r="AJ43" s="53"/>
      <c r="AK43" s="27"/>
    </row>
    <row r="44" spans="1:37" x14ac:dyDescent="0.2">
      <c r="A44" s="60" t="s">
        <v>821</v>
      </c>
      <c r="B44" s="1">
        <v>27</v>
      </c>
      <c r="C44" s="7"/>
      <c r="D44" s="4"/>
      <c r="E44" s="5"/>
      <c r="F44" s="6"/>
      <c r="G44" s="4"/>
      <c r="H44" s="4"/>
      <c r="I44" s="4"/>
      <c r="J44" s="5"/>
      <c r="K44" s="6"/>
      <c r="L44" s="4"/>
      <c r="M44" s="4"/>
      <c r="N44" s="4"/>
      <c r="O44" s="5"/>
      <c r="P44" s="3"/>
      <c r="Q44" s="51"/>
      <c r="R44" s="8"/>
      <c r="T44" s="60" t="s">
        <v>790</v>
      </c>
      <c r="U44" s="1">
        <v>52</v>
      </c>
      <c r="V44" s="3"/>
      <c r="W44" s="4"/>
      <c r="X44" s="5"/>
      <c r="Y44" s="6"/>
      <c r="Z44" s="4"/>
      <c r="AA44" s="4"/>
      <c r="AB44" s="4"/>
      <c r="AC44" s="5"/>
      <c r="AD44" s="6"/>
      <c r="AE44" s="4"/>
      <c r="AF44" s="4"/>
      <c r="AG44" s="4"/>
      <c r="AH44" s="5"/>
      <c r="AI44" s="3"/>
      <c r="AJ44" s="51"/>
      <c r="AK44" s="8"/>
    </row>
    <row r="45" spans="1:37" x14ac:dyDescent="0.2">
      <c r="A45" s="58">
        <v>578</v>
      </c>
      <c r="B45" s="10" t="s">
        <v>259</v>
      </c>
      <c r="C45" s="12"/>
      <c r="D45" s="13"/>
      <c r="E45" s="14"/>
      <c r="F45" s="15"/>
      <c r="G45" s="13"/>
      <c r="H45" s="13"/>
      <c r="I45" s="13" t="s">
        <v>1</v>
      </c>
      <c r="J45" s="14"/>
      <c r="K45" s="15"/>
      <c r="L45" s="13"/>
      <c r="M45" s="13" t="s">
        <v>1</v>
      </c>
      <c r="N45" s="13"/>
      <c r="O45" s="14"/>
      <c r="P45" s="12"/>
      <c r="Q45" s="52">
        <v>5</v>
      </c>
      <c r="R45" s="18"/>
      <c r="T45" s="58">
        <v>609</v>
      </c>
      <c r="U45" s="10" t="s">
        <v>259</v>
      </c>
      <c r="V45" s="12"/>
      <c r="W45" s="13"/>
      <c r="X45" s="14"/>
      <c r="Y45" s="15"/>
      <c r="Z45" s="13"/>
      <c r="AA45" s="13" t="s">
        <v>1</v>
      </c>
      <c r="AB45" s="13"/>
      <c r="AC45" s="14"/>
      <c r="AD45" s="15"/>
      <c r="AE45" s="13"/>
      <c r="AF45" s="13"/>
      <c r="AG45" s="13"/>
      <c r="AH45" s="14"/>
      <c r="AI45" s="12"/>
      <c r="AJ45" s="52">
        <v>2</v>
      </c>
      <c r="AK45" s="18"/>
    </row>
    <row r="46" spans="1:37" x14ac:dyDescent="0.2">
      <c r="A46" s="58" t="s">
        <v>820</v>
      </c>
      <c r="B46" s="10">
        <v>37</v>
      </c>
      <c r="C46" s="12"/>
      <c r="D46" s="13"/>
      <c r="E46" s="14"/>
      <c r="F46" s="15"/>
      <c r="G46" s="13"/>
      <c r="H46" s="13"/>
      <c r="I46" s="13"/>
      <c r="J46" s="14"/>
      <c r="K46" s="15"/>
      <c r="L46" s="13"/>
      <c r="M46" s="13"/>
      <c r="N46" s="13"/>
      <c r="O46" s="14"/>
      <c r="P46" s="12"/>
      <c r="Q46" s="52"/>
      <c r="R46" s="18"/>
      <c r="T46" s="58" t="s">
        <v>789</v>
      </c>
      <c r="U46" s="10">
        <v>64</v>
      </c>
      <c r="V46" s="12"/>
      <c r="W46" s="13"/>
      <c r="X46" s="14"/>
      <c r="Y46" s="15"/>
      <c r="Z46" s="13"/>
      <c r="AA46" s="13"/>
      <c r="AB46" s="13"/>
      <c r="AC46" s="14"/>
      <c r="AD46" s="15"/>
      <c r="AE46" s="13"/>
      <c r="AF46" s="13"/>
      <c r="AG46" s="13"/>
      <c r="AH46" s="14"/>
      <c r="AI46" s="12"/>
      <c r="AJ46" s="52"/>
      <c r="AK46" s="18"/>
    </row>
    <row r="47" spans="1:37" x14ac:dyDescent="0.2">
      <c r="A47" s="58">
        <v>579</v>
      </c>
      <c r="B47" s="10" t="s">
        <v>259</v>
      </c>
      <c r="C47" s="12"/>
      <c r="D47" s="13"/>
      <c r="E47" s="14"/>
      <c r="F47" s="15"/>
      <c r="G47" s="13"/>
      <c r="H47" s="13"/>
      <c r="I47" s="13"/>
      <c r="J47" s="14"/>
      <c r="K47" s="15"/>
      <c r="L47" s="13" t="s">
        <v>1</v>
      </c>
      <c r="M47" s="13"/>
      <c r="N47" s="13"/>
      <c r="O47" s="14"/>
      <c r="P47" s="12"/>
      <c r="Q47" s="52">
        <v>4</v>
      </c>
      <c r="R47" s="18"/>
      <c r="T47" s="58" t="s">
        <v>788</v>
      </c>
      <c r="U47" s="10">
        <v>52</v>
      </c>
      <c r="V47" s="12"/>
      <c r="W47" s="13"/>
      <c r="X47" s="14"/>
      <c r="Y47" s="15"/>
      <c r="Z47" s="13"/>
      <c r="AA47" s="13"/>
      <c r="AB47" s="13"/>
      <c r="AC47" s="14"/>
      <c r="AD47" s="15"/>
      <c r="AE47" s="13"/>
      <c r="AF47" s="13"/>
      <c r="AG47" s="13"/>
      <c r="AH47" s="14"/>
      <c r="AI47" s="12"/>
      <c r="AJ47" s="52"/>
      <c r="AK47" s="18"/>
    </row>
    <row r="48" spans="1:37" x14ac:dyDescent="0.2">
      <c r="A48" s="59" t="s">
        <v>82</v>
      </c>
      <c r="B48" s="20" t="s">
        <v>259</v>
      </c>
      <c r="C48" s="22"/>
      <c r="D48" s="23"/>
      <c r="E48" s="24"/>
      <c r="F48" s="25"/>
      <c r="G48" s="23"/>
      <c r="H48" s="23"/>
      <c r="I48" s="23"/>
      <c r="J48" s="24" t="s">
        <v>0</v>
      </c>
      <c r="K48" s="25"/>
      <c r="L48" s="23"/>
      <c r="M48" s="23"/>
      <c r="N48" s="23"/>
      <c r="O48" s="24"/>
      <c r="P48" s="22"/>
      <c r="Q48" s="53">
        <v>4</v>
      </c>
      <c r="R48" s="27"/>
      <c r="T48" s="59" t="s">
        <v>94</v>
      </c>
      <c r="U48" s="20" t="s">
        <v>259</v>
      </c>
      <c r="V48" s="22"/>
      <c r="W48" s="23"/>
      <c r="X48" s="24"/>
      <c r="Y48" s="25"/>
      <c r="Z48" s="23"/>
      <c r="AA48" s="23"/>
      <c r="AB48" s="23"/>
      <c r="AC48" s="24"/>
      <c r="AD48" s="25"/>
      <c r="AE48" s="23"/>
      <c r="AF48" s="23"/>
      <c r="AG48" s="23" t="s">
        <v>0</v>
      </c>
      <c r="AH48" s="24"/>
      <c r="AI48" s="22"/>
      <c r="AJ48" s="53">
        <v>4</v>
      </c>
      <c r="AK48" s="27"/>
    </row>
    <row r="49" spans="1:37" x14ac:dyDescent="0.2">
      <c r="A49" s="60" t="s">
        <v>819</v>
      </c>
      <c r="B49" s="1">
        <v>49</v>
      </c>
      <c r="C49" s="3"/>
      <c r="D49" s="4"/>
      <c r="E49" s="5"/>
      <c r="F49" s="6"/>
      <c r="G49" s="4"/>
      <c r="H49" s="4"/>
      <c r="I49" s="4"/>
      <c r="J49" s="5"/>
      <c r="K49" s="6"/>
      <c r="L49" s="4"/>
      <c r="M49" s="4"/>
      <c r="N49" s="4"/>
      <c r="O49" s="5"/>
      <c r="P49" s="3"/>
      <c r="Q49" s="51"/>
      <c r="R49" s="8"/>
      <c r="T49" s="60" t="s">
        <v>787</v>
      </c>
      <c r="U49" s="1">
        <v>50</v>
      </c>
      <c r="V49" s="3"/>
      <c r="W49" s="4"/>
      <c r="X49" s="5"/>
      <c r="Y49" s="6"/>
      <c r="Z49" s="4"/>
      <c r="AA49" s="4"/>
      <c r="AB49" s="4"/>
      <c r="AC49" s="5"/>
      <c r="AD49" s="6"/>
      <c r="AE49" s="4"/>
      <c r="AF49" s="4"/>
      <c r="AG49" s="4"/>
      <c r="AH49" s="5"/>
      <c r="AI49" s="3"/>
      <c r="AJ49" s="51"/>
      <c r="AK49" s="8"/>
    </row>
    <row r="50" spans="1:37" x14ac:dyDescent="0.2">
      <c r="A50" s="58" t="s">
        <v>818</v>
      </c>
      <c r="B50" s="10">
        <v>40</v>
      </c>
      <c r="C50" s="12"/>
      <c r="D50" s="13"/>
      <c r="E50" s="14"/>
      <c r="F50" s="15"/>
      <c r="G50" s="13"/>
      <c r="H50" s="13"/>
      <c r="I50" s="13"/>
      <c r="J50" s="14"/>
      <c r="K50" s="15"/>
      <c r="L50" s="13"/>
      <c r="M50" s="13"/>
      <c r="N50" s="13"/>
      <c r="O50" s="14"/>
      <c r="P50" s="12"/>
      <c r="Q50" s="52"/>
      <c r="R50" s="18"/>
      <c r="T50" s="58" t="s">
        <v>95</v>
      </c>
      <c r="U50" s="10" t="s">
        <v>259</v>
      </c>
      <c r="V50" s="17"/>
      <c r="W50" s="13"/>
      <c r="X50" s="14"/>
      <c r="Y50" s="15"/>
      <c r="Z50" s="13"/>
      <c r="AA50" s="13"/>
      <c r="AB50" s="13"/>
      <c r="AC50" s="14"/>
      <c r="AD50" s="15"/>
      <c r="AE50" s="13"/>
      <c r="AF50" s="13"/>
      <c r="AG50" s="13"/>
      <c r="AH50" s="14"/>
      <c r="AI50" s="12" t="s">
        <v>0</v>
      </c>
      <c r="AJ50" s="52">
        <v>4</v>
      </c>
      <c r="AK50" s="18"/>
    </row>
    <row r="51" spans="1:37" x14ac:dyDescent="0.2">
      <c r="A51" s="58" t="s">
        <v>817</v>
      </c>
      <c r="B51" s="10">
        <v>31</v>
      </c>
      <c r="C51" s="12"/>
      <c r="D51" s="13"/>
      <c r="E51" s="14"/>
      <c r="F51" s="15"/>
      <c r="G51" s="13"/>
      <c r="H51" s="13"/>
      <c r="I51" s="13"/>
      <c r="J51" s="14"/>
      <c r="K51" s="15"/>
      <c r="L51" s="13"/>
      <c r="M51" s="13"/>
      <c r="N51" s="13"/>
      <c r="O51" s="14"/>
      <c r="P51" s="12"/>
      <c r="Q51" s="52"/>
      <c r="R51" s="18"/>
      <c r="T51" s="58" t="s">
        <v>786</v>
      </c>
      <c r="U51" s="10">
        <v>49</v>
      </c>
      <c r="V51" s="12"/>
      <c r="W51" s="13"/>
      <c r="X51" s="14"/>
      <c r="Y51" s="15"/>
      <c r="Z51" s="13"/>
      <c r="AA51" s="13"/>
      <c r="AB51" s="13"/>
      <c r="AC51" s="14"/>
      <c r="AD51" s="15"/>
      <c r="AE51" s="13"/>
      <c r="AF51" s="13"/>
      <c r="AG51" s="13"/>
      <c r="AH51" s="14"/>
      <c r="AI51" s="12"/>
      <c r="AJ51" s="52"/>
      <c r="AK51" s="18"/>
    </row>
    <row r="52" spans="1:37" x14ac:dyDescent="0.2">
      <c r="A52" s="58" t="s">
        <v>816</v>
      </c>
      <c r="B52" s="10">
        <v>18</v>
      </c>
      <c r="C52" s="12"/>
      <c r="D52" s="13"/>
      <c r="E52" s="14"/>
      <c r="F52" s="15"/>
      <c r="G52" s="13"/>
      <c r="H52" s="13"/>
      <c r="I52" s="13"/>
      <c r="J52" s="14"/>
      <c r="K52" s="15"/>
      <c r="L52" s="13"/>
      <c r="M52" s="13"/>
      <c r="N52" s="13"/>
      <c r="O52" s="14"/>
      <c r="P52" s="12"/>
      <c r="Q52" s="52"/>
      <c r="R52" s="18"/>
      <c r="T52" s="58" t="s">
        <v>96</v>
      </c>
      <c r="U52" s="10" t="s">
        <v>259</v>
      </c>
      <c r="V52" s="17"/>
      <c r="W52" s="13"/>
      <c r="X52" s="14"/>
      <c r="Y52" s="15"/>
      <c r="Z52" s="13"/>
      <c r="AA52" s="13"/>
      <c r="AB52" s="13"/>
      <c r="AC52" s="14"/>
      <c r="AD52" s="15"/>
      <c r="AE52" s="13" t="s">
        <v>0</v>
      </c>
      <c r="AF52" s="13" t="s">
        <v>0</v>
      </c>
      <c r="AG52" s="13"/>
      <c r="AH52" s="14"/>
      <c r="AI52" s="12"/>
      <c r="AJ52" s="52">
        <v>8</v>
      </c>
      <c r="AK52" s="18"/>
    </row>
    <row r="53" spans="1:37" x14ac:dyDescent="0.2">
      <c r="A53" s="59" t="s">
        <v>83</v>
      </c>
      <c r="B53" s="20" t="s">
        <v>259</v>
      </c>
      <c r="C53" s="22"/>
      <c r="D53" s="23"/>
      <c r="E53" s="24"/>
      <c r="F53" s="25"/>
      <c r="G53" s="23"/>
      <c r="H53" s="23"/>
      <c r="I53" s="23"/>
      <c r="J53" s="24"/>
      <c r="K53" s="25"/>
      <c r="L53" s="23" t="s">
        <v>0</v>
      </c>
      <c r="M53" s="23"/>
      <c r="N53" s="23"/>
      <c r="O53" s="24"/>
      <c r="P53" s="22"/>
      <c r="Q53" s="53">
        <v>4</v>
      </c>
      <c r="R53" s="27"/>
      <c r="T53" s="59" t="s">
        <v>785</v>
      </c>
      <c r="U53" s="20">
        <v>51</v>
      </c>
      <c r="V53" s="22"/>
      <c r="W53" s="23"/>
      <c r="X53" s="24"/>
      <c r="Y53" s="25"/>
      <c r="Z53" s="23"/>
      <c r="AA53" s="23"/>
      <c r="AB53" s="23"/>
      <c r="AC53" s="24"/>
      <c r="AD53" s="25"/>
      <c r="AE53" s="23"/>
      <c r="AF53" s="23"/>
      <c r="AG53" s="23"/>
      <c r="AH53" s="24"/>
      <c r="AI53" s="22"/>
      <c r="AJ53" s="53"/>
      <c r="AK53" s="27"/>
    </row>
    <row r="54" spans="1:37" x14ac:dyDescent="0.2">
      <c r="A54" s="60"/>
      <c r="B54" s="2"/>
      <c r="C54" s="7"/>
      <c r="D54" s="4"/>
      <c r="E54" s="5"/>
      <c r="F54" s="6"/>
      <c r="G54" s="4"/>
      <c r="H54" s="4"/>
      <c r="I54" s="4"/>
      <c r="J54" s="5"/>
      <c r="K54" s="6"/>
      <c r="L54" s="4"/>
      <c r="M54" s="4"/>
      <c r="N54" s="4"/>
      <c r="O54" s="5"/>
      <c r="P54" s="3"/>
      <c r="Q54" s="51"/>
      <c r="R54" s="8"/>
    </row>
    <row r="55" spans="1:37" x14ac:dyDescent="0.2">
      <c r="A55" s="58"/>
      <c r="B55" s="11"/>
      <c r="C55" s="17"/>
      <c r="D55" s="13"/>
      <c r="E55" s="14"/>
      <c r="F55" s="15"/>
      <c r="G55" s="13"/>
      <c r="H55" s="13"/>
      <c r="I55" s="13"/>
      <c r="J55" s="14"/>
      <c r="K55" s="15"/>
      <c r="L55" s="13"/>
      <c r="M55" s="13"/>
      <c r="N55" s="13"/>
      <c r="O55" s="14"/>
      <c r="P55" s="12"/>
      <c r="Q55" s="52"/>
      <c r="R55" s="18"/>
    </row>
    <row r="56" spans="1:37" x14ac:dyDescent="0.2">
      <c r="A56" s="58"/>
      <c r="B56" s="11"/>
      <c r="C56" s="17"/>
      <c r="D56" s="13"/>
      <c r="E56" s="14"/>
      <c r="F56" s="15"/>
      <c r="G56" s="13"/>
      <c r="H56" s="13"/>
      <c r="I56" s="13"/>
      <c r="J56" s="14"/>
      <c r="K56" s="15"/>
      <c r="L56" s="13"/>
      <c r="M56" s="13"/>
      <c r="N56" s="13"/>
      <c r="O56" s="14"/>
      <c r="P56" s="12"/>
      <c r="Q56" s="52"/>
      <c r="R56" s="18"/>
    </row>
    <row r="57" spans="1:37" x14ac:dyDescent="0.2">
      <c r="A57" s="58"/>
      <c r="B57" s="11"/>
      <c r="C57" s="17"/>
      <c r="D57" s="13"/>
      <c r="E57" s="14"/>
      <c r="F57" s="15"/>
      <c r="G57" s="13"/>
      <c r="H57" s="13"/>
      <c r="I57" s="13"/>
      <c r="J57" s="14"/>
      <c r="K57" s="15"/>
      <c r="L57" s="13"/>
      <c r="M57" s="13"/>
      <c r="N57" s="13"/>
      <c r="O57" s="14"/>
      <c r="P57" s="12"/>
      <c r="Q57" s="52"/>
      <c r="R57" s="18"/>
    </row>
    <row r="58" spans="1:37" x14ac:dyDescent="0.2">
      <c r="A58" s="59"/>
      <c r="B58" s="21"/>
      <c r="C58" s="26"/>
      <c r="D58" s="23"/>
      <c r="E58" s="24"/>
      <c r="F58" s="25"/>
      <c r="G58" s="23"/>
      <c r="H58" s="23"/>
      <c r="I58" s="23"/>
      <c r="J58" s="24"/>
      <c r="K58" s="25"/>
      <c r="L58" s="23"/>
      <c r="M58" s="23"/>
      <c r="N58" s="23"/>
      <c r="O58" s="24"/>
      <c r="P58" s="22"/>
      <c r="Q58" s="53"/>
      <c r="R58" s="27"/>
    </row>
    <row r="59" spans="1:37" x14ac:dyDescent="0.2">
      <c r="A59" s="60"/>
      <c r="B59" s="2"/>
      <c r="C59" s="7"/>
      <c r="D59" s="4"/>
      <c r="E59" s="5"/>
      <c r="F59" s="6"/>
      <c r="G59" s="4"/>
      <c r="H59" s="4"/>
      <c r="I59" s="4"/>
      <c r="J59" s="5"/>
      <c r="K59" s="6"/>
      <c r="L59" s="4"/>
      <c r="M59" s="4"/>
      <c r="N59" s="4"/>
      <c r="O59" s="5"/>
      <c r="P59" s="3"/>
      <c r="Q59" s="51"/>
      <c r="R59" s="8"/>
    </row>
    <row r="60" spans="1:37" x14ac:dyDescent="0.2">
      <c r="A60" s="58"/>
      <c r="B60" s="11"/>
      <c r="C60" s="17"/>
      <c r="D60" s="13"/>
      <c r="E60" s="14"/>
      <c r="F60" s="15"/>
      <c r="G60" s="13"/>
      <c r="H60" s="13"/>
      <c r="I60" s="13"/>
      <c r="J60" s="14"/>
      <c r="K60" s="15"/>
      <c r="L60" s="13"/>
      <c r="M60" s="13"/>
      <c r="N60" s="13"/>
      <c r="O60" s="14"/>
      <c r="P60" s="12"/>
      <c r="Q60" s="52"/>
      <c r="R60" s="18"/>
    </row>
    <row r="61" spans="1:37" x14ac:dyDescent="0.2">
      <c r="A61" s="58"/>
      <c r="B61" s="11"/>
      <c r="C61" s="17"/>
      <c r="D61" s="13"/>
      <c r="E61" s="14"/>
      <c r="F61" s="15"/>
      <c r="G61" s="13"/>
      <c r="H61" s="13"/>
      <c r="I61" s="13"/>
      <c r="J61" s="14"/>
      <c r="K61" s="15"/>
      <c r="L61" s="13"/>
      <c r="M61" s="13"/>
      <c r="N61" s="13"/>
      <c r="O61" s="14"/>
      <c r="P61" s="12"/>
      <c r="Q61" s="52"/>
      <c r="R61" s="18"/>
    </row>
    <row r="62" spans="1:37" x14ac:dyDescent="0.2">
      <c r="A62" s="58"/>
      <c r="B62" s="11"/>
      <c r="C62" s="17"/>
      <c r="D62" s="13"/>
      <c r="E62" s="14"/>
      <c r="F62" s="15"/>
      <c r="G62" s="13"/>
      <c r="H62" s="13"/>
      <c r="I62" s="13"/>
      <c r="J62" s="14"/>
      <c r="K62" s="15"/>
      <c r="L62" s="13"/>
      <c r="M62" s="13"/>
      <c r="N62" s="13"/>
      <c r="O62" s="14"/>
      <c r="P62" s="12"/>
      <c r="Q62" s="52"/>
      <c r="R62" s="18"/>
    </row>
    <row r="63" spans="1:37" x14ac:dyDescent="0.2">
      <c r="A63" s="59"/>
      <c r="B63" s="21"/>
      <c r="C63" s="26"/>
      <c r="D63" s="23"/>
      <c r="E63" s="24"/>
      <c r="F63" s="25"/>
      <c r="G63" s="23"/>
      <c r="H63" s="23"/>
      <c r="I63" s="23"/>
      <c r="J63" s="24"/>
      <c r="K63" s="25"/>
      <c r="L63" s="23"/>
      <c r="M63" s="23"/>
      <c r="N63" s="23"/>
      <c r="O63" s="24"/>
      <c r="P63" s="22"/>
      <c r="Q63" s="53"/>
      <c r="R63" s="27"/>
    </row>
    <row r="64" spans="1:37" x14ac:dyDescent="0.2">
      <c r="A64" s="60"/>
      <c r="B64" s="2"/>
      <c r="C64" s="7"/>
      <c r="D64" s="4"/>
      <c r="E64" s="5"/>
      <c r="F64" s="6"/>
      <c r="G64" s="4"/>
      <c r="H64" s="4"/>
      <c r="I64" s="4"/>
      <c r="J64" s="5"/>
      <c r="K64" s="6"/>
      <c r="L64" s="4"/>
      <c r="M64" s="4"/>
      <c r="N64" s="4"/>
      <c r="O64" s="5"/>
      <c r="P64" s="3"/>
      <c r="Q64" s="51"/>
      <c r="R64" s="8"/>
    </row>
    <row r="65" spans="1:18" x14ac:dyDescent="0.2">
      <c r="A65" s="58"/>
      <c r="B65" s="11"/>
      <c r="C65" s="17"/>
      <c r="D65" s="13"/>
      <c r="E65" s="14"/>
      <c r="F65" s="15"/>
      <c r="G65" s="13"/>
      <c r="H65" s="13"/>
      <c r="I65" s="13"/>
      <c r="J65" s="14"/>
      <c r="K65" s="15"/>
      <c r="L65" s="13"/>
      <c r="M65" s="13"/>
      <c r="N65" s="13"/>
      <c r="O65" s="14"/>
      <c r="P65" s="12"/>
      <c r="Q65" s="52"/>
      <c r="R65" s="18"/>
    </row>
    <row r="66" spans="1:18" x14ac:dyDescent="0.2">
      <c r="A66" s="58"/>
      <c r="B66" s="11"/>
      <c r="C66" s="17"/>
      <c r="D66" s="13"/>
      <c r="E66" s="14"/>
      <c r="F66" s="15"/>
      <c r="G66" s="13"/>
      <c r="H66" s="13"/>
      <c r="I66" s="13"/>
      <c r="J66" s="14"/>
      <c r="K66" s="15"/>
      <c r="L66" s="13"/>
      <c r="M66" s="13"/>
      <c r="N66" s="13"/>
      <c r="O66" s="14"/>
      <c r="P66" s="12"/>
      <c r="Q66" s="52"/>
      <c r="R66" s="18"/>
    </row>
    <row r="67" spans="1:18" x14ac:dyDescent="0.2">
      <c r="A67" s="58"/>
      <c r="B67" s="11"/>
      <c r="C67" s="17"/>
      <c r="D67" s="13"/>
      <c r="E67" s="14"/>
      <c r="F67" s="15"/>
      <c r="G67" s="13"/>
      <c r="H67" s="13"/>
      <c r="I67" s="13"/>
      <c r="J67" s="14"/>
      <c r="K67" s="15"/>
      <c r="L67" s="13"/>
      <c r="M67" s="13"/>
      <c r="N67" s="13"/>
      <c r="O67" s="14"/>
      <c r="P67" s="12"/>
      <c r="Q67" s="52"/>
      <c r="R67" s="18"/>
    </row>
    <row r="68" spans="1:18" x14ac:dyDescent="0.2">
      <c r="A68" s="59"/>
      <c r="B68" s="21"/>
      <c r="C68" s="26"/>
      <c r="D68" s="23"/>
      <c r="E68" s="24"/>
      <c r="F68" s="25"/>
      <c r="G68" s="23"/>
      <c r="H68" s="23"/>
      <c r="I68" s="23"/>
      <c r="J68" s="24"/>
      <c r="K68" s="25"/>
      <c r="L68" s="23"/>
      <c r="M68" s="23"/>
      <c r="N68" s="23"/>
      <c r="O68" s="24"/>
      <c r="P68" s="22"/>
      <c r="Q68" s="53"/>
      <c r="R68" s="27"/>
    </row>
  </sheetData>
  <mergeCells count="16">
    <mergeCell ref="T1:AK1"/>
    <mergeCell ref="T2:T3"/>
    <mergeCell ref="U2:U3"/>
    <mergeCell ref="V2:V3"/>
    <mergeCell ref="W2:AH2"/>
    <mergeCell ref="AI2:AI3"/>
    <mergeCell ref="AJ2:AJ3"/>
    <mergeCell ref="AK2:AK3"/>
    <mergeCell ref="A1:R1"/>
    <mergeCell ref="A2:A3"/>
    <mergeCell ref="B2:B3"/>
    <mergeCell ref="C2:C3"/>
    <mergeCell ref="D2:O2"/>
    <mergeCell ref="P2:P3"/>
    <mergeCell ref="Q2:Q3"/>
    <mergeCell ref="R2:R3"/>
  </mergeCells>
  <printOptions horizontalCentered="1"/>
  <pageMargins left="0.15" right="0.15" top="0.75" bottom="0.25" header="0.55000000000000004" footer="0.05"/>
  <pageSetup paperSize="3" scale="95" fitToHeight="40" orientation="portrait" r:id="rId1"/>
  <headerFooter scaleWithDoc="0" alignWithMargins="0">
    <oddHeader>&amp;L&amp;12San Mateo - Hayward Br (Br #35-0054)&amp;C&amp;"-,Bold"&amp;12Defect Schedule&amp;R&amp;12&amp;D</oddHeader>
    <oddFooter>&amp;R&amp;10&amp;P/&amp;N</oddFooter>
  </headerFooter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FE9AB47-1F9B-4183-BCAE-FD5835F272BC}">
  <sheetPr>
    <pageSetUpPr fitToPage="1"/>
  </sheetPr>
  <dimension ref="A1:AK67"/>
  <sheetViews>
    <sheetView view="pageBreakPreview" zoomScaleNormal="130" zoomScaleSheetLayoutView="100" workbookViewId="0">
      <selection sqref="A1:R1"/>
    </sheetView>
  </sheetViews>
  <sheetFormatPr defaultColWidth="8.7109375" defaultRowHeight="11.25" x14ac:dyDescent="0.2"/>
  <cols>
    <col min="1" max="1" width="5.42578125" style="81" customWidth="1"/>
    <col min="2" max="3" width="4.140625" style="75" customWidth="1"/>
    <col min="4" max="4" width="3.7109375" style="82" customWidth="1"/>
    <col min="5" max="5" width="3.7109375" style="83" customWidth="1"/>
    <col min="6" max="6" width="3.7109375" style="84" customWidth="1"/>
    <col min="7" max="9" width="3.7109375" style="82" customWidth="1"/>
    <col min="10" max="10" width="3.7109375" style="83" customWidth="1"/>
    <col min="11" max="11" width="3.7109375" style="84" customWidth="1"/>
    <col min="12" max="14" width="3.7109375" style="82" customWidth="1"/>
    <col min="15" max="15" width="4" style="83" customWidth="1"/>
    <col min="16" max="16" width="3.7109375" style="74" customWidth="1"/>
    <col min="17" max="17" width="3.7109375" style="85" customWidth="1"/>
    <col min="18" max="18" width="3.7109375" style="86" customWidth="1"/>
    <col min="19" max="19" width="3.42578125" style="71" customWidth="1"/>
    <col min="20" max="20" width="5.42578125" style="78" customWidth="1"/>
    <col min="21" max="22" width="4.140625" style="78" customWidth="1"/>
    <col min="23" max="33" width="3.7109375" style="78" customWidth="1"/>
    <col min="34" max="34" width="4" style="78" customWidth="1"/>
    <col min="35" max="37" width="3.7109375" style="78" customWidth="1"/>
    <col min="38" max="38" width="8.7109375" style="78"/>
    <col min="39" max="40" width="2.7109375" style="78" bestFit="1" customWidth="1"/>
    <col min="41" max="41" width="8.7109375" style="78"/>
    <col min="42" max="43" width="2.7109375" style="78" bestFit="1" customWidth="1"/>
    <col min="44" max="16384" width="8.7109375" style="78"/>
  </cols>
  <sheetData>
    <row r="1" spans="1:37" s="75" customFormat="1" ht="12" customHeight="1" x14ac:dyDescent="0.25">
      <c r="A1" s="73" t="s">
        <v>5</v>
      </c>
      <c r="B1" s="73"/>
      <c r="C1" s="73"/>
      <c r="D1" s="73"/>
      <c r="E1" s="73"/>
      <c r="F1" s="73"/>
      <c r="G1" s="73"/>
      <c r="H1" s="73"/>
      <c r="I1" s="73"/>
      <c r="J1" s="73"/>
      <c r="K1" s="73"/>
      <c r="L1" s="73"/>
      <c r="M1" s="73"/>
      <c r="N1" s="73"/>
      <c r="O1" s="73"/>
      <c r="P1" s="73"/>
      <c r="Q1" s="73"/>
      <c r="R1" s="73"/>
      <c r="S1" s="74"/>
      <c r="T1" s="73" t="s">
        <v>5</v>
      </c>
      <c r="U1" s="73"/>
      <c r="V1" s="73"/>
      <c r="W1" s="73"/>
      <c r="X1" s="73"/>
      <c r="Y1" s="73"/>
      <c r="Z1" s="73"/>
      <c r="AA1" s="73"/>
      <c r="AB1" s="73"/>
      <c r="AC1" s="73"/>
      <c r="AD1" s="73"/>
      <c r="AE1" s="73"/>
      <c r="AF1" s="73"/>
      <c r="AG1" s="73"/>
      <c r="AH1" s="73"/>
      <c r="AI1" s="73"/>
      <c r="AJ1" s="73"/>
      <c r="AK1" s="73"/>
    </row>
    <row r="2" spans="1:37" s="75" customFormat="1" ht="15" customHeight="1" x14ac:dyDescent="0.25">
      <c r="A2" s="76" t="s">
        <v>1103</v>
      </c>
      <c r="B2" s="76" t="s">
        <v>1104</v>
      </c>
      <c r="C2" s="73" t="s">
        <v>6</v>
      </c>
      <c r="D2" s="73" t="s">
        <v>260</v>
      </c>
      <c r="E2" s="73"/>
      <c r="F2" s="73"/>
      <c r="G2" s="73"/>
      <c r="H2" s="73"/>
      <c r="I2" s="73"/>
      <c r="J2" s="73"/>
      <c r="K2" s="73"/>
      <c r="L2" s="73"/>
      <c r="M2" s="73"/>
      <c r="N2" s="73"/>
      <c r="O2" s="73"/>
      <c r="P2" s="73" t="s">
        <v>7</v>
      </c>
      <c r="Q2" s="72" t="s">
        <v>8</v>
      </c>
      <c r="R2" s="72" t="s">
        <v>1105</v>
      </c>
      <c r="S2" s="74"/>
      <c r="T2" s="76" t="s">
        <v>1103</v>
      </c>
      <c r="U2" s="76" t="s">
        <v>1104</v>
      </c>
      <c r="V2" s="73" t="s">
        <v>6</v>
      </c>
      <c r="W2" s="73" t="s">
        <v>260</v>
      </c>
      <c r="X2" s="73"/>
      <c r="Y2" s="73"/>
      <c r="Z2" s="73"/>
      <c r="AA2" s="73"/>
      <c r="AB2" s="73"/>
      <c r="AC2" s="73"/>
      <c r="AD2" s="73"/>
      <c r="AE2" s="73"/>
      <c r="AF2" s="73"/>
      <c r="AG2" s="73"/>
      <c r="AH2" s="73"/>
      <c r="AI2" s="73" t="s">
        <v>7</v>
      </c>
      <c r="AJ2" s="72" t="s">
        <v>8</v>
      </c>
      <c r="AK2" s="72" t="s">
        <v>1105</v>
      </c>
    </row>
    <row r="3" spans="1:37" ht="25.5" customHeight="1" x14ac:dyDescent="0.2">
      <c r="A3" s="76"/>
      <c r="B3" s="76"/>
      <c r="C3" s="73"/>
      <c r="D3" s="77">
        <v>12</v>
      </c>
      <c r="E3" s="77">
        <v>11</v>
      </c>
      <c r="F3" s="77">
        <v>10</v>
      </c>
      <c r="G3" s="77">
        <v>9</v>
      </c>
      <c r="H3" s="77">
        <v>8</v>
      </c>
      <c r="I3" s="77">
        <v>7</v>
      </c>
      <c r="J3" s="77">
        <v>6</v>
      </c>
      <c r="K3" s="77">
        <v>5</v>
      </c>
      <c r="L3" s="77">
        <v>4</v>
      </c>
      <c r="M3" s="77">
        <v>3</v>
      </c>
      <c r="N3" s="77">
        <v>2</v>
      </c>
      <c r="O3" s="77">
        <v>1</v>
      </c>
      <c r="P3" s="73"/>
      <c r="Q3" s="72"/>
      <c r="R3" s="72"/>
      <c r="T3" s="76"/>
      <c r="U3" s="76"/>
      <c r="V3" s="73"/>
      <c r="W3" s="77">
        <v>12</v>
      </c>
      <c r="X3" s="77">
        <v>11</v>
      </c>
      <c r="Y3" s="77">
        <v>10</v>
      </c>
      <c r="Z3" s="77">
        <v>9</v>
      </c>
      <c r="AA3" s="77">
        <v>8</v>
      </c>
      <c r="AB3" s="77">
        <v>7</v>
      </c>
      <c r="AC3" s="77">
        <v>6</v>
      </c>
      <c r="AD3" s="77">
        <v>5</v>
      </c>
      <c r="AE3" s="77">
        <v>4</v>
      </c>
      <c r="AF3" s="77">
        <v>3</v>
      </c>
      <c r="AG3" s="77">
        <v>2</v>
      </c>
      <c r="AH3" s="77">
        <v>1</v>
      </c>
      <c r="AI3" s="73"/>
      <c r="AJ3" s="72"/>
      <c r="AK3" s="72"/>
    </row>
    <row r="4" spans="1:37" x14ac:dyDescent="0.2">
      <c r="A4" s="63" t="s">
        <v>784</v>
      </c>
      <c r="B4" s="44">
        <v>36</v>
      </c>
      <c r="C4" s="49"/>
      <c r="D4" s="46"/>
      <c r="E4" s="47"/>
      <c r="F4" s="48"/>
      <c r="G4" s="46"/>
      <c r="H4" s="46"/>
      <c r="I4" s="46"/>
      <c r="J4" s="47"/>
      <c r="K4" s="48"/>
      <c r="L4" s="46"/>
      <c r="M4" s="46"/>
      <c r="N4" s="46"/>
      <c r="O4" s="47"/>
      <c r="P4" s="49"/>
      <c r="Q4" s="56"/>
      <c r="R4" s="50"/>
      <c r="T4" s="63">
        <v>648</v>
      </c>
      <c r="U4" s="44" t="s">
        <v>259</v>
      </c>
      <c r="V4" s="49"/>
      <c r="W4" s="46"/>
      <c r="X4" s="47"/>
      <c r="Y4" s="48"/>
      <c r="Z4" s="46"/>
      <c r="AA4" s="46"/>
      <c r="AB4" s="46"/>
      <c r="AC4" s="47"/>
      <c r="AD4" s="48" t="s">
        <v>1</v>
      </c>
      <c r="AE4" s="46"/>
      <c r="AF4" s="46"/>
      <c r="AG4" s="46"/>
      <c r="AH4" s="47"/>
      <c r="AI4" s="49"/>
      <c r="AJ4" s="56">
        <v>4</v>
      </c>
      <c r="AK4" s="50"/>
    </row>
    <row r="5" spans="1:37" x14ac:dyDescent="0.2">
      <c r="A5" s="58">
        <v>615</v>
      </c>
      <c r="B5" s="10" t="s">
        <v>259</v>
      </c>
      <c r="C5" s="12"/>
      <c r="D5" s="13"/>
      <c r="E5" s="14"/>
      <c r="F5" s="15"/>
      <c r="G5" s="13"/>
      <c r="H5" s="13" t="s">
        <v>1</v>
      </c>
      <c r="I5" s="13"/>
      <c r="J5" s="14"/>
      <c r="K5" s="15"/>
      <c r="L5" s="13"/>
      <c r="M5" s="13"/>
      <c r="N5" s="13"/>
      <c r="O5" s="14"/>
      <c r="P5" s="12"/>
      <c r="Q5" s="52">
        <v>4</v>
      </c>
      <c r="R5" s="18"/>
      <c r="T5" s="58" t="s">
        <v>105</v>
      </c>
      <c r="U5" s="10" t="s">
        <v>259</v>
      </c>
      <c r="V5" s="12"/>
      <c r="W5" s="13"/>
      <c r="X5" s="14"/>
      <c r="Y5" s="15"/>
      <c r="Z5" s="13"/>
      <c r="AA5" s="13"/>
      <c r="AB5" s="13"/>
      <c r="AC5" s="14" t="s">
        <v>0</v>
      </c>
      <c r="AD5" s="15"/>
      <c r="AE5" s="13"/>
      <c r="AF5" s="13"/>
      <c r="AG5" s="13"/>
      <c r="AH5" s="14"/>
      <c r="AI5" s="12"/>
      <c r="AJ5" s="52">
        <v>4</v>
      </c>
      <c r="AK5" s="18"/>
    </row>
    <row r="6" spans="1:37" x14ac:dyDescent="0.2">
      <c r="A6" s="58" t="s">
        <v>783</v>
      </c>
      <c r="B6" s="10">
        <v>40</v>
      </c>
      <c r="C6" s="12"/>
      <c r="D6" s="13"/>
      <c r="E6" s="14"/>
      <c r="F6" s="15"/>
      <c r="G6" s="13"/>
      <c r="H6" s="13"/>
      <c r="I6" s="13"/>
      <c r="J6" s="14"/>
      <c r="K6" s="15"/>
      <c r="L6" s="13"/>
      <c r="M6" s="13"/>
      <c r="N6" s="13"/>
      <c r="O6" s="14"/>
      <c r="P6" s="12"/>
      <c r="Q6" s="52"/>
      <c r="R6" s="18"/>
      <c r="T6" s="58" t="s">
        <v>750</v>
      </c>
      <c r="U6" s="10">
        <v>53</v>
      </c>
      <c r="V6" s="17"/>
      <c r="W6" s="13"/>
      <c r="X6" s="14"/>
      <c r="Y6" s="15"/>
      <c r="Z6" s="13"/>
      <c r="AA6" s="13"/>
      <c r="AB6" s="13"/>
      <c r="AC6" s="14"/>
      <c r="AD6" s="15"/>
      <c r="AE6" s="13"/>
      <c r="AF6" s="13"/>
      <c r="AG6" s="13"/>
      <c r="AH6" s="14"/>
      <c r="AI6" s="12"/>
      <c r="AJ6" s="52"/>
      <c r="AK6" s="18"/>
    </row>
    <row r="7" spans="1:37" x14ac:dyDescent="0.2">
      <c r="A7" s="58">
        <v>616</v>
      </c>
      <c r="B7" s="10" t="s">
        <v>259</v>
      </c>
      <c r="C7" s="12"/>
      <c r="D7" s="13"/>
      <c r="E7" s="14"/>
      <c r="F7" s="15"/>
      <c r="G7" s="13"/>
      <c r="H7" s="13"/>
      <c r="I7" s="13"/>
      <c r="J7" s="14"/>
      <c r="K7" s="15"/>
      <c r="L7" s="13" t="s">
        <v>1</v>
      </c>
      <c r="M7" s="13"/>
      <c r="N7" s="13"/>
      <c r="O7" s="14"/>
      <c r="P7" s="12"/>
      <c r="Q7" s="52">
        <v>4</v>
      </c>
      <c r="R7" s="18"/>
      <c r="T7" s="58" t="s">
        <v>749</v>
      </c>
      <c r="U7" s="10">
        <v>27</v>
      </c>
      <c r="V7" s="12"/>
      <c r="W7" s="13"/>
      <c r="X7" s="14"/>
      <c r="Y7" s="15"/>
      <c r="Z7" s="13"/>
      <c r="AA7" s="13"/>
      <c r="AB7" s="13"/>
      <c r="AC7" s="14"/>
      <c r="AD7" s="15"/>
      <c r="AE7" s="13"/>
      <c r="AF7" s="13"/>
      <c r="AG7" s="13"/>
      <c r="AH7" s="14"/>
      <c r="AI7" s="12"/>
      <c r="AJ7" s="52"/>
      <c r="AK7" s="18"/>
    </row>
    <row r="8" spans="1:37" x14ac:dyDescent="0.2">
      <c r="A8" s="59" t="s">
        <v>782</v>
      </c>
      <c r="B8" s="20">
        <v>43</v>
      </c>
      <c r="C8" s="22"/>
      <c r="D8" s="23"/>
      <c r="E8" s="24"/>
      <c r="F8" s="25"/>
      <c r="G8" s="23"/>
      <c r="H8" s="23"/>
      <c r="I8" s="23"/>
      <c r="J8" s="24"/>
      <c r="K8" s="25"/>
      <c r="L8" s="23"/>
      <c r="M8" s="23"/>
      <c r="N8" s="23"/>
      <c r="O8" s="24"/>
      <c r="P8" s="22"/>
      <c r="Q8" s="53"/>
      <c r="R8" s="27"/>
      <c r="T8" s="59" t="s">
        <v>748</v>
      </c>
      <c r="U8" s="20">
        <v>49</v>
      </c>
      <c r="V8" s="22"/>
      <c r="W8" s="23"/>
      <c r="X8" s="24"/>
      <c r="Y8" s="25"/>
      <c r="Z8" s="23"/>
      <c r="AA8" s="23"/>
      <c r="AB8" s="23"/>
      <c r="AC8" s="24"/>
      <c r="AD8" s="25"/>
      <c r="AE8" s="23"/>
      <c r="AF8" s="23"/>
      <c r="AG8" s="23"/>
      <c r="AH8" s="24"/>
      <c r="AI8" s="22"/>
      <c r="AJ8" s="53"/>
      <c r="AK8" s="27"/>
    </row>
    <row r="9" spans="1:37" x14ac:dyDescent="0.2">
      <c r="A9" s="60">
        <v>617</v>
      </c>
      <c r="B9" s="1" t="s">
        <v>259</v>
      </c>
      <c r="C9" s="3"/>
      <c r="D9" s="4"/>
      <c r="E9" s="5"/>
      <c r="F9" s="6"/>
      <c r="G9" s="4"/>
      <c r="H9" s="4"/>
      <c r="I9" s="4"/>
      <c r="J9" s="5"/>
      <c r="K9" s="6" t="s">
        <v>1</v>
      </c>
      <c r="L9" s="4"/>
      <c r="M9" s="4"/>
      <c r="N9" s="4"/>
      <c r="O9" s="5"/>
      <c r="P9" s="3"/>
      <c r="Q9" s="51">
        <v>4</v>
      </c>
      <c r="R9" s="8"/>
      <c r="T9" s="60">
        <v>651</v>
      </c>
      <c r="U9" s="1" t="s">
        <v>259</v>
      </c>
      <c r="V9" s="3"/>
      <c r="W9" s="4"/>
      <c r="X9" s="5"/>
      <c r="Y9" s="6"/>
      <c r="Z9" s="4"/>
      <c r="AA9" s="4" t="s">
        <v>1</v>
      </c>
      <c r="AB9" s="4"/>
      <c r="AC9" s="5"/>
      <c r="AD9" s="6"/>
      <c r="AE9" s="4"/>
      <c r="AF9" s="4"/>
      <c r="AG9" s="4"/>
      <c r="AH9" s="5"/>
      <c r="AI9" s="3"/>
      <c r="AJ9" s="51">
        <v>2</v>
      </c>
      <c r="AK9" s="8"/>
    </row>
    <row r="10" spans="1:37" x14ac:dyDescent="0.2">
      <c r="A10" s="58" t="s">
        <v>781</v>
      </c>
      <c r="B10" s="10">
        <v>37</v>
      </c>
      <c r="C10" s="12"/>
      <c r="D10" s="13"/>
      <c r="E10" s="14"/>
      <c r="F10" s="15"/>
      <c r="G10" s="13"/>
      <c r="H10" s="13"/>
      <c r="I10" s="13"/>
      <c r="J10" s="14"/>
      <c r="K10" s="15"/>
      <c r="L10" s="13"/>
      <c r="M10" s="13"/>
      <c r="N10" s="13"/>
      <c r="O10" s="14"/>
      <c r="P10" s="12"/>
      <c r="Q10" s="52"/>
      <c r="R10" s="18"/>
      <c r="T10" s="58" t="s">
        <v>106</v>
      </c>
      <c r="U10" s="10" t="s">
        <v>259</v>
      </c>
      <c r="V10" s="12"/>
      <c r="W10" s="13"/>
      <c r="X10" s="14"/>
      <c r="Y10" s="15"/>
      <c r="Z10" s="13"/>
      <c r="AA10" s="13"/>
      <c r="AB10" s="13"/>
      <c r="AC10" s="14" t="s">
        <v>0</v>
      </c>
      <c r="AD10" s="15"/>
      <c r="AE10" s="13"/>
      <c r="AF10" s="13"/>
      <c r="AG10" s="13"/>
      <c r="AH10" s="14"/>
      <c r="AI10" s="12"/>
      <c r="AJ10" s="52">
        <v>4</v>
      </c>
      <c r="AK10" s="18"/>
    </row>
    <row r="11" spans="1:37" x14ac:dyDescent="0.2">
      <c r="A11" s="58" t="s">
        <v>780</v>
      </c>
      <c r="B11" s="10">
        <v>40</v>
      </c>
      <c r="C11" s="12"/>
      <c r="D11" s="13"/>
      <c r="E11" s="14"/>
      <c r="F11" s="15"/>
      <c r="G11" s="13"/>
      <c r="H11" s="13"/>
      <c r="I11" s="13"/>
      <c r="J11" s="14"/>
      <c r="K11" s="15"/>
      <c r="L11" s="13"/>
      <c r="M11" s="13"/>
      <c r="N11" s="13"/>
      <c r="O11" s="14"/>
      <c r="P11" s="12"/>
      <c r="Q11" s="52"/>
      <c r="R11" s="18"/>
      <c r="T11" s="58" t="s">
        <v>747</v>
      </c>
      <c r="U11" s="10">
        <v>41</v>
      </c>
      <c r="V11" s="12"/>
      <c r="W11" s="13"/>
      <c r="X11" s="14"/>
      <c r="Y11" s="15"/>
      <c r="Z11" s="13"/>
      <c r="AA11" s="13"/>
      <c r="AB11" s="13"/>
      <c r="AC11" s="14"/>
      <c r="AD11" s="15"/>
      <c r="AE11" s="13"/>
      <c r="AF11" s="13"/>
      <c r="AG11" s="13"/>
      <c r="AH11" s="14"/>
      <c r="AI11" s="12"/>
      <c r="AJ11" s="52"/>
      <c r="AK11" s="18"/>
    </row>
    <row r="12" spans="1:37" x14ac:dyDescent="0.2">
      <c r="A12" s="58" t="s">
        <v>779</v>
      </c>
      <c r="B12" s="10">
        <v>31</v>
      </c>
      <c r="C12" s="12"/>
      <c r="D12" s="13"/>
      <c r="E12" s="14"/>
      <c r="F12" s="15"/>
      <c r="G12" s="13"/>
      <c r="H12" s="13"/>
      <c r="I12" s="13"/>
      <c r="J12" s="14"/>
      <c r="K12" s="15"/>
      <c r="L12" s="13"/>
      <c r="M12" s="13"/>
      <c r="N12" s="13"/>
      <c r="O12" s="14"/>
      <c r="P12" s="12"/>
      <c r="Q12" s="52"/>
      <c r="R12" s="18"/>
      <c r="T12" s="58" t="s">
        <v>746</v>
      </c>
      <c r="U12" s="10">
        <v>49</v>
      </c>
      <c r="V12" s="12"/>
      <c r="W12" s="13"/>
      <c r="X12" s="14"/>
      <c r="Y12" s="15"/>
      <c r="Z12" s="13"/>
      <c r="AA12" s="13"/>
      <c r="AB12" s="13"/>
      <c r="AC12" s="14"/>
      <c r="AD12" s="15"/>
      <c r="AE12" s="13"/>
      <c r="AF12" s="13"/>
      <c r="AG12" s="13"/>
      <c r="AH12" s="14"/>
      <c r="AI12" s="12"/>
      <c r="AJ12" s="52"/>
      <c r="AK12" s="18"/>
    </row>
    <row r="13" spans="1:37" x14ac:dyDescent="0.2">
      <c r="A13" s="59" t="s">
        <v>778</v>
      </c>
      <c r="B13" s="20">
        <v>36</v>
      </c>
      <c r="C13" s="22"/>
      <c r="D13" s="23"/>
      <c r="E13" s="24"/>
      <c r="F13" s="25"/>
      <c r="G13" s="23"/>
      <c r="H13" s="23"/>
      <c r="I13" s="23"/>
      <c r="J13" s="24"/>
      <c r="K13" s="25"/>
      <c r="L13" s="23"/>
      <c r="M13" s="23"/>
      <c r="N13" s="23"/>
      <c r="O13" s="24"/>
      <c r="P13" s="22"/>
      <c r="Q13" s="53"/>
      <c r="R13" s="27"/>
      <c r="T13" s="59" t="s">
        <v>745</v>
      </c>
      <c r="U13" s="20">
        <v>44</v>
      </c>
      <c r="V13" s="22"/>
      <c r="W13" s="23"/>
      <c r="X13" s="24"/>
      <c r="Y13" s="25"/>
      <c r="Z13" s="23"/>
      <c r="AA13" s="23"/>
      <c r="AB13" s="23"/>
      <c r="AC13" s="24"/>
      <c r="AD13" s="25"/>
      <c r="AE13" s="23"/>
      <c r="AF13" s="23"/>
      <c r="AG13" s="23"/>
      <c r="AH13" s="24"/>
      <c r="AI13" s="22"/>
      <c r="AJ13" s="53"/>
      <c r="AK13" s="27"/>
    </row>
    <row r="14" spans="1:37" x14ac:dyDescent="0.2">
      <c r="A14" s="60" t="s">
        <v>777</v>
      </c>
      <c r="B14" s="1">
        <v>51</v>
      </c>
      <c r="C14" s="3"/>
      <c r="D14" s="4"/>
      <c r="E14" s="5"/>
      <c r="F14" s="6"/>
      <c r="G14" s="4"/>
      <c r="H14" s="4"/>
      <c r="I14" s="4"/>
      <c r="J14" s="5"/>
      <c r="K14" s="6"/>
      <c r="L14" s="4"/>
      <c r="M14" s="4"/>
      <c r="N14" s="4"/>
      <c r="O14" s="5"/>
      <c r="P14" s="3"/>
      <c r="Q14" s="51"/>
      <c r="R14" s="8"/>
      <c r="T14" s="60" t="s">
        <v>744</v>
      </c>
      <c r="U14" s="1">
        <v>46</v>
      </c>
      <c r="V14" s="3"/>
      <c r="W14" s="4"/>
      <c r="X14" s="5"/>
      <c r="Y14" s="6"/>
      <c r="Z14" s="4"/>
      <c r="AA14" s="4"/>
      <c r="AB14" s="4"/>
      <c r="AC14" s="5"/>
      <c r="AD14" s="6"/>
      <c r="AE14" s="4"/>
      <c r="AF14" s="4"/>
      <c r="AG14" s="4"/>
      <c r="AH14" s="5"/>
      <c r="AI14" s="3"/>
      <c r="AJ14" s="51"/>
      <c r="AK14" s="8"/>
    </row>
    <row r="15" spans="1:37" x14ac:dyDescent="0.2">
      <c r="A15" s="58" t="s">
        <v>97</v>
      </c>
      <c r="B15" s="10" t="s">
        <v>259</v>
      </c>
      <c r="C15" s="12"/>
      <c r="D15" s="13"/>
      <c r="E15" s="14"/>
      <c r="F15" s="15"/>
      <c r="G15" s="13"/>
      <c r="H15" s="13"/>
      <c r="I15" s="13"/>
      <c r="J15" s="14"/>
      <c r="K15" s="15"/>
      <c r="L15" s="13"/>
      <c r="M15" s="13" t="s">
        <v>0</v>
      </c>
      <c r="N15" s="13"/>
      <c r="O15" s="14"/>
      <c r="P15" s="12"/>
      <c r="Q15" s="52">
        <v>4</v>
      </c>
      <c r="R15" s="18"/>
      <c r="T15" s="58">
        <v>655</v>
      </c>
      <c r="U15" s="10" t="s">
        <v>259</v>
      </c>
      <c r="V15" s="12"/>
      <c r="W15" s="13"/>
      <c r="X15" s="14"/>
      <c r="Y15" s="15"/>
      <c r="Z15" s="13"/>
      <c r="AA15" s="13" t="s">
        <v>1</v>
      </c>
      <c r="AB15" s="13"/>
      <c r="AC15" s="14"/>
      <c r="AD15" s="15"/>
      <c r="AE15" s="13"/>
      <c r="AF15" s="13"/>
      <c r="AG15" s="13"/>
      <c r="AH15" s="14"/>
      <c r="AI15" s="12"/>
      <c r="AJ15" s="52">
        <v>2</v>
      </c>
      <c r="AK15" s="18"/>
    </row>
    <row r="16" spans="1:37" x14ac:dyDescent="0.2">
      <c r="A16" s="58" t="s">
        <v>776</v>
      </c>
      <c r="B16" s="10">
        <v>63</v>
      </c>
      <c r="C16" s="12"/>
      <c r="D16" s="13"/>
      <c r="E16" s="14"/>
      <c r="F16" s="15"/>
      <c r="G16" s="13"/>
      <c r="H16" s="13"/>
      <c r="I16" s="13"/>
      <c r="J16" s="14"/>
      <c r="K16" s="15"/>
      <c r="L16" s="13"/>
      <c r="M16" s="13"/>
      <c r="N16" s="13"/>
      <c r="O16" s="14"/>
      <c r="P16" s="12"/>
      <c r="Q16" s="52"/>
      <c r="R16" s="18"/>
      <c r="T16" s="58" t="s">
        <v>743</v>
      </c>
      <c r="U16" s="10">
        <v>47</v>
      </c>
      <c r="V16" s="12"/>
      <c r="W16" s="13"/>
      <c r="X16" s="14"/>
      <c r="Y16" s="15"/>
      <c r="Z16" s="13"/>
      <c r="AA16" s="13"/>
      <c r="AB16" s="13"/>
      <c r="AC16" s="14"/>
      <c r="AD16" s="15"/>
      <c r="AE16" s="13"/>
      <c r="AF16" s="13"/>
      <c r="AG16" s="13"/>
      <c r="AH16" s="14"/>
      <c r="AI16" s="12"/>
      <c r="AJ16" s="52"/>
      <c r="AK16" s="18"/>
    </row>
    <row r="17" spans="1:37" x14ac:dyDescent="0.2">
      <c r="A17" s="58">
        <v>623</v>
      </c>
      <c r="B17" s="10" t="s">
        <v>259</v>
      </c>
      <c r="C17" s="12"/>
      <c r="D17" s="13"/>
      <c r="E17" s="14"/>
      <c r="F17" s="15"/>
      <c r="G17" s="13"/>
      <c r="H17" s="13"/>
      <c r="I17" s="13"/>
      <c r="J17" s="14"/>
      <c r="K17" s="15" t="s">
        <v>1</v>
      </c>
      <c r="L17" s="13"/>
      <c r="M17" s="13"/>
      <c r="N17" s="13"/>
      <c r="O17" s="14"/>
      <c r="P17" s="12"/>
      <c r="Q17" s="52">
        <v>4</v>
      </c>
      <c r="R17" s="18"/>
      <c r="T17" s="61" t="s">
        <v>742</v>
      </c>
      <c r="U17" s="10">
        <v>48</v>
      </c>
      <c r="V17" s="12"/>
      <c r="W17" s="13"/>
      <c r="X17" s="14"/>
      <c r="Y17" s="15"/>
      <c r="Z17" s="13"/>
      <c r="AA17" s="13"/>
      <c r="AB17" s="13"/>
      <c r="AC17" s="14"/>
      <c r="AD17" s="15"/>
      <c r="AE17" s="13"/>
      <c r="AF17" s="13"/>
      <c r="AG17" s="13"/>
      <c r="AH17" s="14"/>
      <c r="AI17" s="12"/>
      <c r="AJ17" s="52"/>
      <c r="AK17" s="18"/>
    </row>
    <row r="18" spans="1:37" x14ac:dyDescent="0.2">
      <c r="A18" s="59" t="s">
        <v>98</v>
      </c>
      <c r="B18" s="20" t="s">
        <v>259</v>
      </c>
      <c r="C18" s="22"/>
      <c r="D18" s="23"/>
      <c r="E18" s="24"/>
      <c r="F18" s="25"/>
      <c r="G18" s="23"/>
      <c r="H18" s="23"/>
      <c r="I18" s="23"/>
      <c r="J18" s="24"/>
      <c r="K18" s="25"/>
      <c r="L18" s="23"/>
      <c r="M18" s="23"/>
      <c r="N18" s="23"/>
      <c r="O18" s="24" t="s">
        <v>0</v>
      </c>
      <c r="P18" s="22"/>
      <c r="Q18" s="53">
        <v>4</v>
      </c>
      <c r="R18" s="27"/>
      <c r="T18" s="62" t="s">
        <v>741</v>
      </c>
      <c r="U18" s="20">
        <v>31</v>
      </c>
      <c r="V18" s="22"/>
      <c r="W18" s="23"/>
      <c r="X18" s="24"/>
      <c r="Y18" s="25"/>
      <c r="Z18" s="23"/>
      <c r="AA18" s="23"/>
      <c r="AB18" s="23"/>
      <c r="AC18" s="24"/>
      <c r="AD18" s="25"/>
      <c r="AE18" s="23"/>
      <c r="AF18" s="23"/>
      <c r="AG18" s="23"/>
      <c r="AH18" s="24"/>
      <c r="AI18" s="22"/>
      <c r="AJ18" s="53"/>
      <c r="AK18" s="27"/>
    </row>
    <row r="19" spans="1:37" x14ac:dyDescent="0.2">
      <c r="A19" s="60" t="s">
        <v>775</v>
      </c>
      <c r="B19" s="1">
        <v>64</v>
      </c>
      <c r="C19" s="3"/>
      <c r="D19" s="4"/>
      <c r="E19" s="5"/>
      <c r="F19" s="6"/>
      <c r="G19" s="4"/>
      <c r="H19" s="4"/>
      <c r="I19" s="4"/>
      <c r="J19" s="5"/>
      <c r="K19" s="6"/>
      <c r="L19" s="4"/>
      <c r="M19" s="4"/>
      <c r="N19" s="4"/>
      <c r="O19" s="5"/>
      <c r="P19" s="3"/>
      <c r="Q19" s="51"/>
      <c r="R19" s="8"/>
      <c r="T19" s="57" t="s">
        <v>740</v>
      </c>
      <c r="U19" s="1">
        <v>49</v>
      </c>
      <c r="V19" s="3"/>
      <c r="W19" s="4"/>
      <c r="X19" s="5"/>
      <c r="Y19" s="6"/>
      <c r="Z19" s="4"/>
      <c r="AA19" s="4"/>
      <c r="AB19" s="4"/>
      <c r="AC19" s="5"/>
      <c r="AD19" s="6"/>
      <c r="AE19" s="4"/>
      <c r="AF19" s="4"/>
      <c r="AG19" s="4"/>
      <c r="AH19" s="5"/>
      <c r="AI19" s="3"/>
      <c r="AJ19" s="51"/>
      <c r="AK19" s="8"/>
    </row>
    <row r="20" spans="1:37" x14ac:dyDescent="0.2">
      <c r="A20" s="58" t="s">
        <v>774</v>
      </c>
      <c r="B20" s="10">
        <v>65</v>
      </c>
      <c r="C20" s="12"/>
      <c r="D20" s="13"/>
      <c r="E20" s="14"/>
      <c r="F20" s="15"/>
      <c r="G20" s="13"/>
      <c r="H20" s="13"/>
      <c r="I20" s="13"/>
      <c r="J20" s="14"/>
      <c r="K20" s="15"/>
      <c r="L20" s="13"/>
      <c r="M20" s="13"/>
      <c r="N20" s="13"/>
      <c r="O20" s="14"/>
      <c r="P20" s="12"/>
      <c r="Q20" s="52"/>
      <c r="R20" s="18"/>
      <c r="T20" s="61" t="s">
        <v>739</v>
      </c>
      <c r="U20" s="10">
        <v>22</v>
      </c>
      <c r="V20" s="12"/>
      <c r="W20" s="13"/>
      <c r="X20" s="14"/>
      <c r="Y20" s="15"/>
      <c r="Z20" s="13"/>
      <c r="AA20" s="13"/>
      <c r="AB20" s="13"/>
      <c r="AC20" s="14"/>
      <c r="AD20" s="15"/>
      <c r="AE20" s="13"/>
      <c r="AF20" s="13"/>
      <c r="AG20" s="13"/>
      <c r="AH20" s="14"/>
      <c r="AI20" s="12"/>
      <c r="AJ20" s="52"/>
      <c r="AK20" s="18"/>
    </row>
    <row r="21" spans="1:37" x14ac:dyDescent="0.2">
      <c r="A21" s="58" t="s">
        <v>99</v>
      </c>
      <c r="B21" s="10" t="s">
        <v>259</v>
      </c>
      <c r="C21" s="12"/>
      <c r="D21" s="13"/>
      <c r="E21" s="14"/>
      <c r="F21" s="15"/>
      <c r="G21" s="13"/>
      <c r="H21" s="13"/>
      <c r="I21" s="13"/>
      <c r="J21" s="14"/>
      <c r="K21" s="15"/>
      <c r="L21" s="13" t="s">
        <v>0</v>
      </c>
      <c r="M21" s="13"/>
      <c r="N21" s="13" t="s">
        <v>0</v>
      </c>
      <c r="O21" s="14"/>
      <c r="P21" s="12"/>
      <c r="Q21" s="52">
        <v>8</v>
      </c>
      <c r="R21" s="18"/>
      <c r="T21" s="61" t="s">
        <v>738</v>
      </c>
      <c r="U21" s="10">
        <v>53</v>
      </c>
      <c r="V21" s="12"/>
      <c r="W21" s="13"/>
      <c r="X21" s="14"/>
      <c r="Y21" s="15"/>
      <c r="Z21" s="13"/>
      <c r="AA21" s="13"/>
      <c r="AB21" s="13"/>
      <c r="AC21" s="14"/>
      <c r="AD21" s="15"/>
      <c r="AE21" s="13"/>
      <c r="AF21" s="13"/>
      <c r="AG21" s="13"/>
      <c r="AH21" s="14"/>
      <c r="AI21" s="12"/>
      <c r="AJ21" s="52"/>
      <c r="AK21" s="18"/>
    </row>
    <row r="22" spans="1:37" x14ac:dyDescent="0.2">
      <c r="A22" s="58" t="s">
        <v>773</v>
      </c>
      <c r="B22" s="10">
        <v>31</v>
      </c>
      <c r="C22" s="12"/>
      <c r="D22" s="13"/>
      <c r="E22" s="14"/>
      <c r="F22" s="15"/>
      <c r="G22" s="13"/>
      <c r="H22" s="13"/>
      <c r="I22" s="13"/>
      <c r="J22" s="14"/>
      <c r="K22" s="15"/>
      <c r="L22" s="13"/>
      <c r="M22" s="13"/>
      <c r="N22" s="13"/>
      <c r="O22" s="14"/>
      <c r="P22" s="12"/>
      <c r="Q22" s="52"/>
      <c r="R22" s="18"/>
      <c r="T22" s="58" t="s">
        <v>107</v>
      </c>
      <c r="U22" s="10" t="s">
        <v>259</v>
      </c>
      <c r="V22" s="12"/>
      <c r="W22" s="13"/>
      <c r="X22" s="14"/>
      <c r="Y22" s="15"/>
      <c r="Z22" s="13"/>
      <c r="AA22" s="13"/>
      <c r="AB22" s="13"/>
      <c r="AC22" s="14"/>
      <c r="AD22" s="15"/>
      <c r="AE22" s="13"/>
      <c r="AF22" s="13" t="s">
        <v>0</v>
      </c>
      <c r="AG22" s="13"/>
      <c r="AH22" s="14"/>
      <c r="AI22" s="12"/>
      <c r="AJ22" s="52">
        <v>4</v>
      </c>
      <c r="AK22" s="18"/>
    </row>
    <row r="23" spans="1:37" x14ac:dyDescent="0.2">
      <c r="A23" s="59">
        <v>626</v>
      </c>
      <c r="B23" s="20" t="s">
        <v>259</v>
      </c>
      <c r="C23" s="22"/>
      <c r="D23" s="23"/>
      <c r="E23" s="24"/>
      <c r="F23" s="25"/>
      <c r="G23" s="23"/>
      <c r="H23" s="23"/>
      <c r="I23" s="23"/>
      <c r="J23" s="24"/>
      <c r="K23" s="25"/>
      <c r="L23" s="23"/>
      <c r="M23" s="23" t="s">
        <v>1</v>
      </c>
      <c r="N23" s="23"/>
      <c r="O23" s="24"/>
      <c r="P23" s="22"/>
      <c r="Q23" s="53">
        <v>6</v>
      </c>
      <c r="R23" s="27"/>
      <c r="T23" s="62" t="s">
        <v>737</v>
      </c>
      <c r="U23" s="20">
        <v>22</v>
      </c>
      <c r="V23" s="22"/>
      <c r="W23" s="23"/>
      <c r="X23" s="24"/>
      <c r="Y23" s="25"/>
      <c r="Z23" s="23"/>
      <c r="AA23" s="23"/>
      <c r="AB23" s="23"/>
      <c r="AC23" s="24"/>
      <c r="AD23" s="25"/>
      <c r="AE23" s="23"/>
      <c r="AF23" s="23"/>
      <c r="AG23" s="23"/>
      <c r="AH23" s="24"/>
      <c r="AI23" s="22"/>
      <c r="AJ23" s="53"/>
      <c r="AK23" s="27"/>
    </row>
    <row r="24" spans="1:37" x14ac:dyDescent="0.2">
      <c r="A24" s="60" t="s">
        <v>772</v>
      </c>
      <c r="B24" s="1">
        <v>63</v>
      </c>
      <c r="C24" s="3"/>
      <c r="D24" s="4"/>
      <c r="E24" s="5"/>
      <c r="F24" s="6"/>
      <c r="G24" s="4"/>
      <c r="H24" s="4"/>
      <c r="I24" s="4"/>
      <c r="J24" s="5"/>
      <c r="K24" s="6"/>
      <c r="L24" s="4"/>
      <c r="M24" s="4"/>
      <c r="N24" s="4"/>
      <c r="O24" s="5"/>
      <c r="P24" s="3"/>
      <c r="Q24" s="51"/>
      <c r="R24" s="8"/>
      <c r="T24" s="60">
        <v>662</v>
      </c>
      <c r="U24" s="1" t="s">
        <v>259</v>
      </c>
      <c r="V24" s="3"/>
      <c r="W24" s="4"/>
      <c r="X24" s="5"/>
      <c r="Y24" s="6"/>
      <c r="Z24" s="4"/>
      <c r="AA24" s="4"/>
      <c r="AB24" s="4" t="s">
        <v>1</v>
      </c>
      <c r="AC24" s="5"/>
      <c r="AD24" s="6"/>
      <c r="AE24" s="4"/>
      <c r="AF24" s="4"/>
      <c r="AG24" s="4"/>
      <c r="AH24" s="5"/>
      <c r="AI24" s="3"/>
      <c r="AJ24" s="51">
        <v>6</v>
      </c>
      <c r="AK24" s="8"/>
    </row>
    <row r="25" spans="1:37" x14ac:dyDescent="0.2">
      <c r="A25" s="58" t="s">
        <v>771</v>
      </c>
      <c r="B25" s="10">
        <v>40</v>
      </c>
      <c r="C25" s="12"/>
      <c r="D25" s="13"/>
      <c r="E25" s="14"/>
      <c r="F25" s="15"/>
      <c r="G25" s="13"/>
      <c r="H25" s="13"/>
      <c r="I25" s="13"/>
      <c r="J25" s="14"/>
      <c r="K25" s="15"/>
      <c r="L25" s="13"/>
      <c r="M25" s="13"/>
      <c r="N25" s="13"/>
      <c r="O25" s="14"/>
      <c r="P25" s="12"/>
      <c r="Q25" s="52"/>
      <c r="R25" s="18"/>
      <c r="T25" s="61" t="s">
        <v>736</v>
      </c>
      <c r="U25" s="10">
        <v>40</v>
      </c>
      <c r="V25" s="12"/>
      <c r="W25" s="13"/>
      <c r="X25" s="14"/>
      <c r="Y25" s="15"/>
      <c r="Z25" s="13"/>
      <c r="AA25" s="13"/>
      <c r="AB25" s="13"/>
      <c r="AC25" s="14"/>
      <c r="AD25" s="15"/>
      <c r="AE25" s="13"/>
      <c r="AF25" s="13"/>
      <c r="AG25" s="13"/>
      <c r="AH25" s="14"/>
      <c r="AI25" s="12"/>
      <c r="AJ25" s="52"/>
      <c r="AK25" s="18"/>
    </row>
    <row r="26" spans="1:37" x14ac:dyDescent="0.2">
      <c r="A26" s="58" t="s">
        <v>770</v>
      </c>
      <c r="B26" s="10">
        <v>44</v>
      </c>
      <c r="C26" s="12"/>
      <c r="D26" s="13"/>
      <c r="E26" s="14"/>
      <c r="F26" s="15"/>
      <c r="G26" s="13"/>
      <c r="H26" s="13"/>
      <c r="I26" s="13"/>
      <c r="J26" s="14"/>
      <c r="K26" s="15"/>
      <c r="L26" s="13"/>
      <c r="M26" s="13"/>
      <c r="N26" s="13"/>
      <c r="O26" s="14"/>
      <c r="P26" s="12"/>
      <c r="Q26" s="52"/>
      <c r="R26" s="18"/>
      <c r="T26" s="61" t="s">
        <v>735</v>
      </c>
      <c r="U26" s="10">
        <v>62</v>
      </c>
      <c r="V26" s="12"/>
      <c r="W26" s="13"/>
      <c r="X26" s="14"/>
      <c r="Y26" s="15"/>
      <c r="Z26" s="13"/>
      <c r="AA26" s="13"/>
      <c r="AB26" s="13"/>
      <c r="AC26" s="14"/>
      <c r="AD26" s="15"/>
      <c r="AE26" s="13"/>
      <c r="AF26" s="13"/>
      <c r="AG26" s="13"/>
      <c r="AH26" s="14"/>
      <c r="AI26" s="12"/>
      <c r="AJ26" s="52"/>
      <c r="AK26" s="18"/>
    </row>
    <row r="27" spans="1:37" x14ac:dyDescent="0.2">
      <c r="A27" s="58" t="s">
        <v>769</v>
      </c>
      <c r="B27" s="10">
        <v>44</v>
      </c>
      <c r="C27" s="12"/>
      <c r="D27" s="13"/>
      <c r="E27" s="14"/>
      <c r="F27" s="15"/>
      <c r="G27" s="13"/>
      <c r="H27" s="13"/>
      <c r="I27" s="13"/>
      <c r="J27" s="14"/>
      <c r="K27" s="15"/>
      <c r="L27" s="13"/>
      <c r="M27" s="13"/>
      <c r="N27" s="13"/>
      <c r="O27" s="14"/>
      <c r="P27" s="12"/>
      <c r="Q27" s="52"/>
      <c r="R27" s="18"/>
      <c r="T27" s="61" t="s">
        <v>734</v>
      </c>
      <c r="U27" s="10">
        <v>49</v>
      </c>
      <c r="V27" s="12"/>
      <c r="W27" s="13"/>
      <c r="X27" s="14"/>
      <c r="Y27" s="15"/>
      <c r="Z27" s="13"/>
      <c r="AA27" s="13"/>
      <c r="AB27" s="13"/>
      <c r="AC27" s="14"/>
      <c r="AD27" s="15"/>
      <c r="AE27" s="13"/>
      <c r="AF27" s="13"/>
      <c r="AG27" s="13"/>
      <c r="AH27" s="14"/>
      <c r="AI27" s="12"/>
      <c r="AJ27" s="52"/>
      <c r="AK27" s="18"/>
    </row>
    <row r="28" spans="1:37" x14ac:dyDescent="0.2">
      <c r="A28" s="59">
        <v>630</v>
      </c>
      <c r="B28" s="20" t="s">
        <v>259</v>
      </c>
      <c r="C28" s="22"/>
      <c r="D28" s="23"/>
      <c r="E28" s="24"/>
      <c r="F28" s="25"/>
      <c r="G28" s="23"/>
      <c r="H28" s="23"/>
      <c r="I28" s="23"/>
      <c r="J28" s="24"/>
      <c r="K28" s="25" t="s">
        <v>1</v>
      </c>
      <c r="L28" s="23"/>
      <c r="M28" s="23" t="s">
        <v>1</v>
      </c>
      <c r="N28" s="23"/>
      <c r="O28" s="24"/>
      <c r="P28" s="22"/>
      <c r="Q28" s="53">
        <v>4</v>
      </c>
      <c r="R28" s="27"/>
      <c r="T28" s="62" t="s">
        <v>733</v>
      </c>
      <c r="U28" s="20">
        <v>36</v>
      </c>
      <c r="V28" s="22"/>
      <c r="W28" s="23"/>
      <c r="X28" s="24"/>
      <c r="Y28" s="25"/>
      <c r="Z28" s="23"/>
      <c r="AA28" s="23"/>
      <c r="AB28" s="23"/>
      <c r="AC28" s="24"/>
      <c r="AD28" s="25"/>
      <c r="AE28" s="23"/>
      <c r="AF28" s="23"/>
      <c r="AG28" s="23"/>
      <c r="AH28" s="24"/>
      <c r="AI28" s="22"/>
      <c r="AJ28" s="53"/>
      <c r="AK28" s="27"/>
    </row>
    <row r="29" spans="1:37" x14ac:dyDescent="0.2">
      <c r="A29" s="60" t="s">
        <v>768</v>
      </c>
      <c r="B29" s="1">
        <v>44</v>
      </c>
      <c r="C29" s="3"/>
      <c r="D29" s="4"/>
      <c r="E29" s="5"/>
      <c r="F29" s="6"/>
      <c r="G29" s="4"/>
      <c r="H29" s="4"/>
      <c r="I29" s="4"/>
      <c r="J29" s="5"/>
      <c r="K29" s="6"/>
      <c r="L29" s="4"/>
      <c r="M29" s="4"/>
      <c r="N29" s="4"/>
      <c r="O29" s="5"/>
      <c r="P29" s="3"/>
      <c r="Q29" s="51"/>
      <c r="R29" s="8"/>
      <c r="T29" s="57" t="s">
        <v>732</v>
      </c>
      <c r="U29" s="1">
        <v>27</v>
      </c>
      <c r="V29" s="3"/>
      <c r="W29" s="4"/>
      <c r="X29" s="5"/>
      <c r="Y29" s="6"/>
      <c r="Z29" s="4"/>
      <c r="AA29" s="4"/>
      <c r="AB29" s="4"/>
      <c r="AC29" s="5"/>
      <c r="AD29" s="6"/>
      <c r="AE29" s="4"/>
      <c r="AF29" s="4"/>
      <c r="AG29" s="4"/>
      <c r="AH29" s="5"/>
      <c r="AI29" s="3"/>
      <c r="AJ29" s="51"/>
      <c r="AK29" s="8"/>
    </row>
    <row r="30" spans="1:37" x14ac:dyDescent="0.2">
      <c r="A30" s="58" t="s">
        <v>100</v>
      </c>
      <c r="B30" s="10" t="s">
        <v>259</v>
      </c>
      <c r="C30" s="12"/>
      <c r="D30" s="13"/>
      <c r="E30" s="14"/>
      <c r="F30" s="15"/>
      <c r="G30" s="13"/>
      <c r="H30" s="13"/>
      <c r="I30" s="13"/>
      <c r="J30" s="14"/>
      <c r="K30" s="15"/>
      <c r="L30" s="13" t="s">
        <v>0</v>
      </c>
      <c r="M30" s="13"/>
      <c r="N30" s="13"/>
      <c r="O30" s="14"/>
      <c r="P30" s="12"/>
      <c r="Q30" s="52">
        <v>4</v>
      </c>
      <c r="R30" s="18"/>
      <c r="T30" s="58" t="s">
        <v>108</v>
      </c>
      <c r="U30" s="10" t="s">
        <v>259</v>
      </c>
      <c r="V30" s="12"/>
      <c r="W30" s="13"/>
      <c r="X30" s="14"/>
      <c r="Y30" s="15"/>
      <c r="Z30" s="13"/>
      <c r="AA30" s="13"/>
      <c r="AB30" s="13"/>
      <c r="AC30" s="14"/>
      <c r="AD30" s="15"/>
      <c r="AE30" s="13" t="s">
        <v>0</v>
      </c>
      <c r="AF30" s="13"/>
      <c r="AG30" s="13"/>
      <c r="AH30" s="14"/>
      <c r="AI30" s="12"/>
      <c r="AJ30" s="52">
        <v>4</v>
      </c>
      <c r="AK30" s="18"/>
    </row>
    <row r="31" spans="1:37" x14ac:dyDescent="0.2">
      <c r="A31" s="58" t="s">
        <v>767</v>
      </c>
      <c r="B31" s="10">
        <v>36</v>
      </c>
      <c r="C31" s="12"/>
      <c r="D31" s="13"/>
      <c r="E31" s="14"/>
      <c r="F31" s="15"/>
      <c r="G31" s="13"/>
      <c r="H31" s="13"/>
      <c r="I31" s="13"/>
      <c r="J31" s="14"/>
      <c r="K31" s="15"/>
      <c r="L31" s="13"/>
      <c r="M31" s="13"/>
      <c r="N31" s="13"/>
      <c r="O31" s="14"/>
      <c r="P31" s="12"/>
      <c r="Q31" s="52"/>
      <c r="R31" s="18"/>
      <c r="T31" s="61" t="s">
        <v>731</v>
      </c>
      <c r="U31" s="10">
        <v>44</v>
      </c>
      <c r="V31" s="12"/>
      <c r="W31" s="13"/>
      <c r="X31" s="14"/>
      <c r="Y31" s="15"/>
      <c r="Z31" s="13"/>
      <c r="AA31" s="13"/>
      <c r="AB31" s="13"/>
      <c r="AC31" s="14"/>
      <c r="AD31" s="15"/>
      <c r="AE31" s="13"/>
      <c r="AF31" s="13"/>
      <c r="AG31" s="13"/>
      <c r="AH31" s="14"/>
      <c r="AI31" s="12"/>
      <c r="AJ31" s="52"/>
      <c r="AK31" s="18"/>
    </row>
    <row r="32" spans="1:37" x14ac:dyDescent="0.2">
      <c r="A32" s="58" t="s">
        <v>766</v>
      </c>
      <c r="B32" s="10">
        <v>40</v>
      </c>
      <c r="C32" s="12"/>
      <c r="D32" s="13"/>
      <c r="E32" s="14"/>
      <c r="F32" s="15"/>
      <c r="G32" s="13"/>
      <c r="H32" s="13"/>
      <c r="I32" s="13"/>
      <c r="J32" s="14"/>
      <c r="K32" s="15"/>
      <c r="L32" s="13"/>
      <c r="M32" s="13"/>
      <c r="N32" s="13"/>
      <c r="O32" s="14"/>
      <c r="P32" s="12"/>
      <c r="Q32" s="52"/>
      <c r="R32" s="18"/>
      <c r="T32" s="61" t="s">
        <v>730</v>
      </c>
      <c r="U32" s="10">
        <v>35</v>
      </c>
      <c r="V32" s="12"/>
      <c r="W32" s="13"/>
      <c r="X32" s="14"/>
      <c r="Y32" s="15"/>
      <c r="Z32" s="13"/>
      <c r="AA32" s="13"/>
      <c r="AB32" s="13"/>
      <c r="AC32" s="14"/>
      <c r="AD32" s="15"/>
      <c r="AE32" s="13"/>
      <c r="AF32" s="13"/>
      <c r="AG32" s="13"/>
      <c r="AH32" s="14"/>
      <c r="AI32" s="12"/>
      <c r="AJ32" s="52"/>
      <c r="AK32" s="18"/>
    </row>
    <row r="33" spans="1:37" x14ac:dyDescent="0.2">
      <c r="A33" s="59" t="s">
        <v>765</v>
      </c>
      <c r="B33" s="20">
        <v>27</v>
      </c>
      <c r="C33" s="22"/>
      <c r="D33" s="23"/>
      <c r="E33" s="24"/>
      <c r="F33" s="25"/>
      <c r="G33" s="23"/>
      <c r="H33" s="23"/>
      <c r="I33" s="23"/>
      <c r="J33" s="24"/>
      <c r="K33" s="25"/>
      <c r="L33" s="23"/>
      <c r="M33" s="23"/>
      <c r="N33" s="23"/>
      <c r="O33" s="24"/>
      <c r="P33" s="22"/>
      <c r="Q33" s="53"/>
      <c r="R33" s="27"/>
      <c r="T33" s="62" t="s">
        <v>729</v>
      </c>
      <c r="U33" s="20">
        <v>40</v>
      </c>
      <c r="V33" s="26"/>
      <c r="W33" s="37"/>
      <c r="X33" s="38"/>
      <c r="Y33" s="39"/>
      <c r="Z33" s="37"/>
      <c r="AA33" s="37"/>
      <c r="AB33" s="37"/>
      <c r="AC33" s="38"/>
      <c r="AD33" s="39"/>
      <c r="AE33" s="37"/>
      <c r="AF33" s="37"/>
      <c r="AG33" s="37"/>
      <c r="AH33" s="38"/>
      <c r="AI33" s="26"/>
      <c r="AJ33" s="53"/>
      <c r="AK33" s="27"/>
    </row>
    <row r="34" spans="1:37" x14ac:dyDescent="0.2">
      <c r="A34" s="60" t="s">
        <v>764</v>
      </c>
      <c r="B34" s="1">
        <v>53</v>
      </c>
      <c r="C34" s="3"/>
      <c r="D34" s="4"/>
      <c r="E34" s="5"/>
      <c r="F34" s="6"/>
      <c r="G34" s="4"/>
      <c r="H34" s="4"/>
      <c r="I34" s="4"/>
      <c r="J34" s="5"/>
      <c r="K34" s="6"/>
      <c r="L34" s="4"/>
      <c r="M34" s="4"/>
      <c r="N34" s="4"/>
      <c r="O34" s="5"/>
      <c r="P34" s="3"/>
      <c r="Q34" s="51"/>
      <c r="R34" s="8"/>
      <c r="T34" s="60" t="s">
        <v>728</v>
      </c>
      <c r="U34" s="1">
        <v>46</v>
      </c>
      <c r="V34" s="3"/>
      <c r="W34" s="4"/>
      <c r="X34" s="5"/>
      <c r="Y34" s="6"/>
      <c r="Z34" s="4"/>
      <c r="AA34" s="4"/>
      <c r="AB34" s="4"/>
      <c r="AC34" s="5"/>
      <c r="AD34" s="6"/>
      <c r="AE34" s="4"/>
      <c r="AF34" s="4"/>
      <c r="AG34" s="4"/>
      <c r="AH34" s="5"/>
      <c r="AI34" s="3"/>
      <c r="AJ34" s="51"/>
      <c r="AK34" s="8"/>
    </row>
    <row r="35" spans="1:37" x14ac:dyDescent="0.2">
      <c r="A35" s="58" t="s">
        <v>101</v>
      </c>
      <c r="B35" s="10" t="s">
        <v>259</v>
      </c>
      <c r="C35" s="12"/>
      <c r="D35" s="13"/>
      <c r="E35" s="14"/>
      <c r="F35" s="15"/>
      <c r="G35" s="13"/>
      <c r="H35" s="13"/>
      <c r="I35" s="13"/>
      <c r="J35" s="14"/>
      <c r="K35" s="15"/>
      <c r="L35" s="13"/>
      <c r="M35" s="13"/>
      <c r="N35" s="13" t="s">
        <v>0</v>
      </c>
      <c r="O35" s="14"/>
      <c r="P35" s="12"/>
      <c r="Q35" s="52">
        <v>4</v>
      </c>
      <c r="R35" s="18"/>
      <c r="T35" s="58">
        <v>671</v>
      </c>
      <c r="U35" s="10" t="s">
        <v>259</v>
      </c>
      <c r="V35" s="12"/>
      <c r="W35" s="13"/>
      <c r="X35" s="14"/>
      <c r="Y35" s="15"/>
      <c r="Z35" s="13"/>
      <c r="AA35" s="13"/>
      <c r="AB35" s="13" t="s">
        <v>1</v>
      </c>
      <c r="AC35" s="14"/>
      <c r="AD35" s="15"/>
      <c r="AE35" s="13"/>
      <c r="AF35" s="13"/>
      <c r="AG35" s="13"/>
      <c r="AH35" s="14"/>
      <c r="AI35" s="12"/>
      <c r="AJ35" s="52">
        <v>4</v>
      </c>
      <c r="AK35" s="18"/>
    </row>
    <row r="36" spans="1:37" x14ac:dyDescent="0.2">
      <c r="A36" s="58" t="s">
        <v>763</v>
      </c>
      <c r="B36" s="10">
        <v>27</v>
      </c>
      <c r="C36" s="12"/>
      <c r="D36" s="13"/>
      <c r="E36" s="14"/>
      <c r="F36" s="15"/>
      <c r="G36" s="13"/>
      <c r="H36" s="13"/>
      <c r="I36" s="13"/>
      <c r="J36" s="14"/>
      <c r="K36" s="15"/>
      <c r="L36" s="13"/>
      <c r="M36" s="13"/>
      <c r="N36" s="13"/>
      <c r="O36" s="14"/>
      <c r="P36" s="12"/>
      <c r="Q36" s="52"/>
      <c r="R36" s="18"/>
      <c r="T36" s="58" t="s">
        <v>727</v>
      </c>
      <c r="U36" s="10">
        <v>40</v>
      </c>
      <c r="V36" s="12"/>
      <c r="W36" s="13"/>
      <c r="X36" s="14"/>
      <c r="Y36" s="15"/>
      <c r="Z36" s="13"/>
      <c r="AA36" s="13"/>
      <c r="AB36" s="13"/>
      <c r="AC36" s="14"/>
      <c r="AD36" s="15"/>
      <c r="AE36" s="13"/>
      <c r="AF36" s="13"/>
      <c r="AG36" s="13"/>
      <c r="AH36" s="14"/>
      <c r="AI36" s="12"/>
      <c r="AJ36" s="52"/>
      <c r="AK36" s="18"/>
    </row>
    <row r="37" spans="1:37" x14ac:dyDescent="0.2">
      <c r="A37" s="58" t="s">
        <v>762</v>
      </c>
      <c r="B37" s="10">
        <v>65</v>
      </c>
      <c r="C37" s="12"/>
      <c r="D37" s="13"/>
      <c r="E37" s="14"/>
      <c r="F37" s="15"/>
      <c r="G37" s="13"/>
      <c r="H37" s="13"/>
      <c r="I37" s="13"/>
      <c r="J37" s="14"/>
      <c r="K37" s="15"/>
      <c r="L37" s="13"/>
      <c r="M37" s="13"/>
      <c r="N37" s="13"/>
      <c r="O37" s="14"/>
      <c r="P37" s="12"/>
      <c r="Q37" s="52"/>
      <c r="R37" s="18"/>
      <c r="T37" s="58" t="s">
        <v>109</v>
      </c>
      <c r="U37" s="10" t="s">
        <v>259</v>
      </c>
      <c r="V37" s="12"/>
      <c r="W37" s="13"/>
      <c r="X37" s="14"/>
      <c r="Y37" s="15"/>
      <c r="Z37" s="13"/>
      <c r="AA37" s="13"/>
      <c r="AB37" s="13"/>
      <c r="AC37" s="14"/>
      <c r="AD37" s="15"/>
      <c r="AE37" s="13" t="s">
        <v>0</v>
      </c>
      <c r="AF37" s="13"/>
      <c r="AG37" s="13"/>
      <c r="AH37" s="14"/>
      <c r="AI37" s="12"/>
      <c r="AJ37" s="52">
        <v>4</v>
      </c>
      <c r="AK37" s="18"/>
    </row>
    <row r="38" spans="1:37" x14ac:dyDescent="0.2">
      <c r="A38" s="59" t="s">
        <v>761</v>
      </c>
      <c r="B38" s="20">
        <v>52</v>
      </c>
      <c r="C38" s="22"/>
      <c r="D38" s="23"/>
      <c r="E38" s="24"/>
      <c r="F38" s="25"/>
      <c r="G38" s="23"/>
      <c r="H38" s="23"/>
      <c r="I38" s="23"/>
      <c r="J38" s="24"/>
      <c r="K38" s="25"/>
      <c r="L38" s="23"/>
      <c r="M38" s="23"/>
      <c r="N38" s="23"/>
      <c r="O38" s="24"/>
      <c r="P38" s="22"/>
      <c r="Q38" s="53"/>
      <c r="R38" s="27"/>
      <c r="T38" s="59" t="s">
        <v>726</v>
      </c>
      <c r="U38" s="20">
        <v>43</v>
      </c>
      <c r="V38" s="22"/>
      <c r="W38" s="23"/>
      <c r="X38" s="24"/>
      <c r="Y38" s="25"/>
      <c r="Z38" s="23"/>
      <c r="AA38" s="23"/>
      <c r="AB38" s="23"/>
      <c r="AC38" s="24"/>
      <c r="AD38" s="25"/>
      <c r="AE38" s="23"/>
      <c r="AF38" s="23"/>
      <c r="AG38" s="23"/>
      <c r="AH38" s="24"/>
      <c r="AI38" s="22"/>
      <c r="AJ38" s="53"/>
      <c r="AK38" s="27"/>
    </row>
    <row r="39" spans="1:37" x14ac:dyDescent="0.2">
      <c r="A39" s="60" t="s">
        <v>760</v>
      </c>
      <c r="B39" s="1">
        <v>31</v>
      </c>
      <c r="C39" s="3"/>
      <c r="D39" s="4"/>
      <c r="E39" s="5"/>
      <c r="F39" s="6"/>
      <c r="G39" s="4"/>
      <c r="H39" s="4"/>
      <c r="I39" s="4"/>
      <c r="J39" s="5"/>
      <c r="K39" s="6"/>
      <c r="L39" s="4"/>
      <c r="M39" s="4"/>
      <c r="N39" s="4"/>
      <c r="O39" s="5"/>
      <c r="P39" s="3"/>
      <c r="Q39" s="51"/>
      <c r="R39" s="8"/>
      <c r="T39" s="60" t="s">
        <v>725</v>
      </c>
      <c r="U39" s="1">
        <v>40</v>
      </c>
      <c r="V39" s="3"/>
      <c r="W39" s="4"/>
      <c r="X39" s="5"/>
      <c r="Y39" s="6"/>
      <c r="Z39" s="4"/>
      <c r="AA39" s="4"/>
      <c r="AB39" s="4"/>
      <c r="AC39" s="5"/>
      <c r="AD39" s="6"/>
      <c r="AE39" s="4"/>
      <c r="AF39" s="4"/>
      <c r="AG39" s="4"/>
      <c r="AH39" s="5"/>
      <c r="AI39" s="3"/>
      <c r="AJ39" s="51"/>
      <c r="AK39" s="8"/>
    </row>
    <row r="40" spans="1:37" x14ac:dyDescent="0.2">
      <c r="A40" s="58">
        <v>639</v>
      </c>
      <c r="B40" s="10" t="s">
        <v>259</v>
      </c>
      <c r="C40" s="12"/>
      <c r="D40" s="13"/>
      <c r="E40" s="14"/>
      <c r="F40" s="15"/>
      <c r="G40" s="13"/>
      <c r="H40" s="13" t="s">
        <v>1</v>
      </c>
      <c r="I40" s="13"/>
      <c r="J40" s="14"/>
      <c r="K40" s="15"/>
      <c r="L40" s="13"/>
      <c r="M40" s="13"/>
      <c r="N40" s="13"/>
      <c r="O40" s="14"/>
      <c r="P40" s="12"/>
      <c r="Q40" s="52">
        <v>8</v>
      </c>
      <c r="R40" s="18"/>
      <c r="T40" s="58" t="s">
        <v>724</v>
      </c>
      <c r="U40" s="10">
        <v>35</v>
      </c>
      <c r="V40" s="12"/>
      <c r="W40" s="13"/>
      <c r="X40" s="14"/>
      <c r="Y40" s="15"/>
      <c r="Z40" s="13"/>
      <c r="AA40" s="13"/>
      <c r="AB40" s="13"/>
      <c r="AC40" s="14"/>
      <c r="AD40" s="15"/>
      <c r="AE40" s="13"/>
      <c r="AF40" s="13"/>
      <c r="AG40" s="13"/>
      <c r="AH40" s="14"/>
      <c r="AI40" s="12"/>
      <c r="AJ40" s="52"/>
      <c r="AK40" s="18"/>
    </row>
    <row r="41" spans="1:37" x14ac:dyDescent="0.2">
      <c r="A41" s="58" t="s">
        <v>102</v>
      </c>
      <c r="B41" s="10" t="s">
        <v>259</v>
      </c>
      <c r="C41" s="12"/>
      <c r="D41" s="13"/>
      <c r="E41" s="14"/>
      <c r="F41" s="15"/>
      <c r="G41" s="13"/>
      <c r="H41" s="13"/>
      <c r="I41" s="13"/>
      <c r="J41" s="14" t="s">
        <v>0</v>
      </c>
      <c r="K41" s="15"/>
      <c r="L41" s="13"/>
      <c r="M41" s="13"/>
      <c r="N41" s="13"/>
      <c r="O41" s="14"/>
      <c r="P41" s="12"/>
      <c r="Q41" s="52">
        <v>4</v>
      </c>
      <c r="R41" s="18"/>
      <c r="T41" s="58" t="s">
        <v>723</v>
      </c>
      <c r="U41" s="10">
        <v>53</v>
      </c>
      <c r="V41" s="12"/>
      <c r="W41" s="13"/>
      <c r="X41" s="14"/>
      <c r="Y41" s="15"/>
      <c r="Z41" s="13"/>
      <c r="AA41" s="13"/>
      <c r="AB41" s="13"/>
      <c r="AC41" s="14"/>
      <c r="AD41" s="15"/>
      <c r="AE41" s="13"/>
      <c r="AF41" s="13"/>
      <c r="AG41" s="13"/>
      <c r="AH41" s="14"/>
      <c r="AI41" s="12"/>
      <c r="AJ41" s="52"/>
      <c r="AK41" s="18"/>
    </row>
    <row r="42" spans="1:37" x14ac:dyDescent="0.2">
      <c r="A42" s="58" t="s">
        <v>759</v>
      </c>
      <c r="B42" s="10">
        <v>36</v>
      </c>
      <c r="C42" s="17"/>
      <c r="D42" s="13"/>
      <c r="E42" s="14"/>
      <c r="F42" s="15"/>
      <c r="G42" s="13"/>
      <c r="H42" s="13"/>
      <c r="I42" s="13"/>
      <c r="J42" s="14"/>
      <c r="K42" s="15"/>
      <c r="L42" s="13"/>
      <c r="M42" s="13"/>
      <c r="N42" s="13"/>
      <c r="O42" s="14"/>
      <c r="P42" s="12"/>
      <c r="Q42" s="52"/>
      <c r="R42" s="18"/>
      <c r="T42" s="58" t="s">
        <v>722</v>
      </c>
      <c r="U42" s="10">
        <v>50</v>
      </c>
      <c r="V42" s="64"/>
      <c r="W42" s="65"/>
      <c r="X42" s="90"/>
      <c r="Y42" s="91"/>
      <c r="Z42" s="65"/>
      <c r="AA42" s="65"/>
      <c r="AB42" s="65"/>
      <c r="AC42" s="90"/>
      <c r="AD42" s="91"/>
      <c r="AE42" s="65"/>
      <c r="AF42" s="65"/>
      <c r="AG42" s="65"/>
      <c r="AH42" s="90"/>
      <c r="AI42" s="64"/>
      <c r="AJ42" s="52"/>
      <c r="AK42" s="18"/>
    </row>
    <row r="43" spans="1:37" x14ac:dyDescent="0.2">
      <c r="A43" s="59" t="s">
        <v>103</v>
      </c>
      <c r="B43" s="20" t="s">
        <v>259</v>
      </c>
      <c r="C43" s="22"/>
      <c r="D43" s="23"/>
      <c r="E43" s="24"/>
      <c r="F43" s="25"/>
      <c r="G43" s="23"/>
      <c r="H43" s="23"/>
      <c r="I43" s="23"/>
      <c r="J43" s="24"/>
      <c r="K43" s="25"/>
      <c r="L43" s="23"/>
      <c r="M43" s="23"/>
      <c r="N43" s="23"/>
      <c r="O43" s="24" t="s">
        <v>0</v>
      </c>
      <c r="P43" s="22"/>
      <c r="Q43" s="53">
        <v>4</v>
      </c>
      <c r="R43" s="27"/>
      <c r="T43" s="59">
        <v>677</v>
      </c>
      <c r="U43" s="20" t="s">
        <v>259</v>
      </c>
      <c r="V43" s="22"/>
      <c r="W43" s="23"/>
      <c r="X43" s="24"/>
      <c r="Y43" s="25"/>
      <c r="Z43" s="23"/>
      <c r="AA43" s="23"/>
      <c r="AB43" s="23" t="s">
        <v>1</v>
      </c>
      <c r="AC43" s="24"/>
      <c r="AD43" s="25"/>
      <c r="AE43" s="23"/>
      <c r="AF43" s="23"/>
      <c r="AG43" s="23"/>
      <c r="AH43" s="24"/>
      <c r="AI43" s="22"/>
      <c r="AJ43" s="53">
        <v>4</v>
      </c>
      <c r="AK43" s="27"/>
    </row>
    <row r="44" spans="1:37" x14ac:dyDescent="0.2">
      <c r="A44" s="60" t="s">
        <v>758</v>
      </c>
      <c r="B44" s="1">
        <v>35</v>
      </c>
      <c r="C44" s="3"/>
      <c r="D44" s="4"/>
      <c r="E44" s="5"/>
      <c r="F44" s="6"/>
      <c r="G44" s="4"/>
      <c r="H44" s="4"/>
      <c r="I44" s="4"/>
      <c r="J44" s="5"/>
      <c r="K44" s="6"/>
      <c r="L44" s="4"/>
      <c r="M44" s="4"/>
      <c r="N44" s="4"/>
      <c r="O44" s="5"/>
      <c r="P44" s="3"/>
      <c r="Q44" s="51"/>
      <c r="R44" s="8"/>
      <c r="T44" s="60" t="s">
        <v>721</v>
      </c>
      <c r="U44" s="1">
        <v>53</v>
      </c>
      <c r="V44" s="3"/>
      <c r="W44" s="4"/>
      <c r="X44" s="5"/>
      <c r="Y44" s="6"/>
      <c r="Z44" s="4"/>
      <c r="AA44" s="4"/>
      <c r="AB44" s="4"/>
      <c r="AC44" s="5"/>
      <c r="AD44" s="6"/>
      <c r="AE44" s="4"/>
      <c r="AF44" s="4"/>
      <c r="AG44" s="4"/>
      <c r="AH44" s="5"/>
      <c r="AI44" s="3"/>
      <c r="AJ44" s="51"/>
      <c r="AK44" s="8"/>
    </row>
    <row r="45" spans="1:37" x14ac:dyDescent="0.2">
      <c r="A45" s="58" t="s">
        <v>757</v>
      </c>
      <c r="B45" s="10">
        <v>31</v>
      </c>
      <c r="C45" s="12"/>
      <c r="D45" s="13"/>
      <c r="E45" s="14"/>
      <c r="F45" s="15"/>
      <c r="G45" s="13"/>
      <c r="H45" s="13"/>
      <c r="I45" s="13"/>
      <c r="J45" s="14"/>
      <c r="K45" s="15"/>
      <c r="L45" s="13"/>
      <c r="M45" s="13"/>
      <c r="N45" s="13"/>
      <c r="O45" s="14"/>
      <c r="P45" s="12"/>
      <c r="Q45" s="52"/>
      <c r="R45" s="18"/>
      <c r="T45" s="58" t="s">
        <v>720</v>
      </c>
      <c r="U45" s="10">
        <v>40</v>
      </c>
      <c r="V45" s="12"/>
      <c r="W45" s="13"/>
      <c r="X45" s="14"/>
      <c r="Y45" s="15"/>
      <c r="Z45" s="13"/>
      <c r="AA45" s="13"/>
      <c r="AB45" s="13"/>
      <c r="AC45" s="14"/>
      <c r="AD45" s="15"/>
      <c r="AE45" s="13"/>
      <c r="AF45" s="13"/>
      <c r="AG45" s="13"/>
      <c r="AH45" s="14"/>
      <c r="AI45" s="12"/>
      <c r="AJ45" s="52"/>
      <c r="AK45" s="18"/>
    </row>
    <row r="46" spans="1:37" x14ac:dyDescent="0.2">
      <c r="A46" s="58" t="s">
        <v>756</v>
      </c>
      <c r="B46" s="10">
        <v>26</v>
      </c>
      <c r="C46" s="12"/>
      <c r="D46" s="13"/>
      <c r="E46" s="14"/>
      <c r="F46" s="15"/>
      <c r="G46" s="13"/>
      <c r="H46" s="13"/>
      <c r="I46" s="13"/>
      <c r="J46" s="14"/>
      <c r="K46" s="15"/>
      <c r="L46" s="13"/>
      <c r="M46" s="13"/>
      <c r="N46" s="13"/>
      <c r="O46" s="14"/>
      <c r="P46" s="12"/>
      <c r="Q46" s="52"/>
      <c r="R46" s="18"/>
      <c r="T46" s="58">
        <v>679</v>
      </c>
      <c r="U46" s="10" t="s">
        <v>259</v>
      </c>
      <c r="V46" s="12"/>
      <c r="W46" s="13"/>
      <c r="X46" s="14"/>
      <c r="Y46" s="15"/>
      <c r="Z46" s="13"/>
      <c r="AA46" s="13" t="s">
        <v>1</v>
      </c>
      <c r="AB46" s="13"/>
      <c r="AC46" s="14"/>
      <c r="AD46" s="15"/>
      <c r="AE46" s="13"/>
      <c r="AF46" s="13"/>
      <c r="AG46" s="13"/>
      <c r="AH46" s="14"/>
      <c r="AI46" s="12"/>
      <c r="AJ46" s="52">
        <v>4</v>
      </c>
      <c r="AK46" s="18"/>
    </row>
    <row r="47" spans="1:37" x14ac:dyDescent="0.2">
      <c r="A47" s="58">
        <v>643</v>
      </c>
      <c r="B47" s="10" t="s">
        <v>259</v>
      </c>
      <c r="C47" s="12"/>
      <c r="D47" s="13"/>
      <c r="E47" s="14"/>
      <c r="F47" s="15"/>
      <c r="G47" s="13"/>
      <c r="H47" s="13" t="s">
        <v>1</v>
      </c>
      <c r="I47" s="13"/>
      <c r="J47" s="14"/>
      <c r="K47" s="15"/>
      <c r="L47" s="13"/>
      <c r="M47" s="13"/>
      <c r="N47" s="13"/>
      <c r="O47" s="14"/>
      <c r="P47" s="12"/>
      <c r="Q47" s="52">
        <v>4</v>
      </c>
      <c r="R47" s="18"/>
      <c r="T47" s="58" t="s">
        <v>719</v>
      </c>
      <c r="U47" s="10">
        <v>40</v>
      </c>
      <c r="V47" s="12"/>
      <c r="W47" s="13"/>
      <c r="X47" s="14"/>
      <c r="Y47" s="15"/>
      <c r="Z47" s="13"/>
      <c r="AA47" s="13"/>
      <c r="AB47" s="13"/>
      <c r="AC47" s="14"/>
      <c r="AD47" s="15"/>
      <c r="AE47" s="13"/>
      <c r="AF47" s="13"/>
      <c r="AG47" s="13"/>
      <c r="AH47" s="14"/>
      <c r="AI47" s="12"/>
      <c r="AJ47" s="52"/>
      <c r="AK47" s="18"/>
    </row>
    <row r="48" spans="1:37" x14ac:dyDescent="0.2">
      <c r="A48" s="59" t="s">
        <v>104</v>
      </c>
      <c r="B48" s="20" t="s">
        <v>259</v>
      </c>
      <c r="C48" s="22"/>
      <c r="D48" s="23"/>
      <c r="E48" s="24"/>
      <c r="F48" s="25"/>
      <c r="G48" s="23"/>
      <c r="H48" s="23"/>
      <c r="I48" s="23"/>
      <c r="J48" s="24"/>
      <c r="K48" s="25"/>
      <c r="L48" s="23"/>
      <c r="M48" s="23"/>
      <c r="N48" s="23"/>
      <c r="O48" s="24" t="s">
        <v>0</v>
      </c>
      <c r="P48" s="22"/>
      <c r="Q48" s="53">
        <v>4</v>
      </c>
      <c r="R48" s="27"/>
      <c r="T48" s="59" t="s">
        <v>110</v>
      </c>
      <c r="U48" s="20" t="s">
        <v>259</v>
      </c>
      <c r="V48" s="22"/>
      <c r="W48" s="23"/>
      <c r="X48" s="24"/>
      <c r="Y48" s="25"/>
      <c r="Z48" s="23"/>
      <c r="AA48" s="23"/>
      <c r="AB48" s="23" t="s">
        <v>1</v>
      </c>
      <c r="AC48" s="24" t="s">
        <v>1</v>
      </c>
      <c r="AD48" s="25" t="s">
        <v>1</v>
      </c>
      <c r="AE48" s="23"/>
      <c r="AF48" s="23"/>
      <c r="AG48" s="23"/>
      <c r="AH48" s="24"/>
      <c r="AI48" s="22"/>
      <c r="AJ48" s="53">
        <v>6</v>
      </c>
      <c r="AK48" s="27"/>
    </row>
    <row r="49" spans="1:37" x14ac:dyDescent="0.2">
      <c r="A49" s="60" t="s">
        <v>755</v>
      </c>
      <c r="B49" s="1">
        <v>31</v>
      </c>
      <c r="C49" s="3"/>
      <c r="D49" s="4"/>
      <c r="E49" s="5"/>
      <c r="F49" s="6"/>
      <c r="G49" s="4"/>
      <c r="H49" s="4"/>
      <c r="I49" s="4"/>
      <c r="J49" s="5"/>
      <c r="K49" s="6"/>
      <c r="L49" s="4"/>
      <c r="M49" s="4"/>
      <c r="N49" s="4"/>
      <c r="O49" s="5"/>
      <c r="P49" s="3"/>
      <c r="Q49" s="51"/>
      <c r="R49" s="8"/>
      <c r="T49" s="60" t="s">
        <v>718</v>
      </c>
      <c r="U49" s="1">
        <v>35</v>
      </c>
      <c r="V49" s="3"/>
      <c r="W49" s="4"/>
      <c r="X49" s="5"/>
      <c r="Y49" s="6"/>
      <c r="Z49" s="4"/>
      <c r="AA49" s="4"/>
      <c r="AB49" s="4"/>
      <c r="AC49" s="5"/>
      <c r="AD49" s="6"/>
      <c r="AE49" s="4"/>
      <c r="AF49" s="4"/>
      <c r="AG49" s="4"/>
      <c r="AH49" s="5"/>
      <c r="AI49" s="3"/>
      <c r="AJ49" s="51"/>
      <c r="AK49" s="8"/>
    </row>
    <row r="50" spans="1:37" x14ac:dyDescent="0.2">
      <c r="A50" s="58" t="s">
        <v>754</v>
      </c>
      <c r="B50" s="10">
        <v>22</v>
      </c>
      <c r="C50" s="12"/>
      <c r="D50" s="13"/>
      <c r="E50" s="14"/>
      <c r="F50" s="15"/>
      <c r="G50" s="13"/>
      <c r="H50" s="13"/>
      <c r="I50" s="13"/>
      <c r="J50" s="14"/>
      <c r="K50" s="15"/>
      <c r="L50" s="13"/>
      <c r="M50" s="13"/>
      <c r="N50" s="13"/>
      <c r="O50" s="14"/>
      <c r="P50" s="12"/>
      <c r="Q50" s="52"/>
      <c r="R50" s="18"/>
      <c r="T50" s="58" t="s">
        <v>717</v>
      </c>
      <c r="U50" s="10">
        <v>44</v>
      </c>
      <c r="V50" s="12"/>
      <c r="W50" s="13"/>
      <c r="X50" s="14"/>
      <c r="Y50" s="15"/>
      <c r="Z50" s="13"/>
      <c r="AA50" s="13"/>
      <c r="AB50" s="13"/>
      <c r="AC50" s="14"/>
      <c r="AD50" s="15"/>
      <c r="AE50" s="13"/>
      <c r="AF50" s="13"/>
      <c r="AG50" s="13"/>
      <c r="AH50" s="14"/>
      <c r="AI50" s="12"/>
      <c r="AJ50" s="52"/>
      <c r="AK50" s="18"/>
    </row>
    <row r="51" spans="1:37" x14ac:dyDescent="0.2">
      <c r="A51" s="58" t="s">
        <v>753</v>
      </c>
      <c r="B51" s="10">
        <v>27</v>
      </c>
      <c r="C51" s="12"/>
      <c r="D51" s="13"/>
      <c r="E51" s="14"/>
      <c r="F51" s="15"/>
      <c r="G51" s="13"/>
      <c r="H51" s="13"/>
      <c r="I51" s="13"/>
      <c r="J51" s="14"/>
      <c r="K51" s="15"/>
      <c r="L51" s="13"/>
      <c r="M51" s="13"/>
      <c r="N51" s="13"/>
      <c r="O51" s="14"/>
      <c r="P51" s="12"/>
      <c r="Q51" s="52"/>
      <c r="R51" s="18"/>
      <c r="T51" s="58" t="s">
        <v>111</v>
      </c>
      <c r="U51" s="10" t="s">
        <v>259</v>
      </c>
      <c r="V51" s="12"/>
      <c r="W51" s="13"/>
      <c r="X51" s="14"/>
      <c r="Y51" s="15"/>
      <c r="Z51" s="13"/>
      <c r="AA51" s="13"/>
      <c r="AB51" s="13"/>
      <c r="AC51" s="14"/>
      <c r="AD51" s="15"/>
      <c r="AE51" s="13"/>
      <c r="AF51" s="13" t="s">
        <v>0</v>
      </c>
      <c r="AG51" s="13"/>
      <c r="AH51" s="14"/>
      <c r="AI51" s="12"/>
      <c r="AJ51" s="52">
        <v>4</v>
      </c>
      <c r="AK51" s="18"/>
    </row>
    <row r="52" spans="1:37" x14ac:dyDescent="0.2">
      <c r="A52" s="58" t="s">
        <v>752</v>
      </c>
      <c r="B52" s="10">
        <v>44</v>
      </c>
      <c r="C52" s="12"/>
      <c r="D52" s="13"/>
      <c r="E52" s="14"/>
      <c r="F52" s="15"/>
      <c r="G52" s="13"/>
      <c r="H52" s="13"/>
      <c r="I52" s="13"/>
      <c r="J52" s="14"/>
      <c r="K52" s="15"/>
      <c r="L52" s="13"/>
      <c r="M52" s="13"/>
      <c r="N52" s="13"/>
      <c r="O52" s="14"/>
      <c r="P52" s="12"/>
      <c r="Q52" s="52"/>
      <c r="R52" s="18"/>
      <c r="T52" s="58" t="s">
        <v>716</v>
      </c>
      <c r="U52" s="10">
        <v>27</v>
      </c>
      <c r="V52" s="12"/>
      <c r="W52" s="13"/>
      <c r="X52" s="14"/>
      <c r="Y52" s="15"/>
      <c r="Z52" s="13"/>
      <c r="AA52" s="13"/>
      <c r="AB52" s="13"/>
      <c r="AC52" s="14"/>
      <c r="AD52" s="15"/>
      <c r="AE52" s="13"/>
      <c r="AF52" s="13"/>
      <c r="AG52" s="13"/>
      <c r="AH52" s="14"/>
      <c r="AI52" s="12"/>
      <c r="AJ52" s="54"/>
      <c r="AK52" s="16"/>
    </row>
    <row r="53" spans="1:37" x14ac:dyDescent="0.2">
      <c r="A53" s="59" t="s">
        <v>751</v>
      </c>
      <c r="B53" s="20">
        <v>18</v>
      </c>
      <c r="C53" s="22"/>
      <c r="D53" s="23"/>
      <c r="E53" s="24"/>
      <c r="F53" s="25"/>
      <c r="G53" s="23"/>
      <c r="H53" s="23"/>
      <c r="I53" s="23"/>
      <c r="J53" s="24"/>
      <c r="K53" s="25"/>
      <c r="L53" s="23"/>
      <c r="M53" s="23"/>
      <c r="N53" s="23"/>
      <c r="O53" s="24"/>
      <c r="P53" s="22"/>
      <c r="Q53" s="53"/>
      <c r="R53" s="27"/>
      <c r="T53" s="59" t="s">
        <v>112</v>
      </c>
      <c r="U53" s="20" t="s">
        <v>259</v>
      </c>
      <c r="V53" s="22"/>
      <c r="W53" s="23"/>
      <c r="X53" s="24"/>
      <c r="Y53" s="25"/>
      <c r="Z53" s="23"/>
      <c r="AA53" s="23"/>
      <c r="AB53" s="23"/>
      <c r="AC53" s="24"/>
      <c r="AD53" s="25" t="s">
        <v>1</v>
      </c>
      <c r="AE53" s="23"/>
      <c r="AF53" s="23"/>
      <c r="AG53" s="23"/>
      <c r="AH53" s="24"/>
      <c r="AI53" s="22"/>
      <c r="AJ53" s="53">
        <v>2</v>
      </c>
      <c r="AK53" s="27"/>
    </row>
    <row r="54" spans="1:37" x14ac:dyDescent="0.2">
      <c r="A54" s="58"/>
      <c r="B54" s="11"/>
      <c r="C54" s="17"/>
      <c r="D54" s="13"/>
      <c r="E54" s="14"/>
      <c r="F54" s="15"/>
      <c r="G54" s="13"/>
      <c r="H54" s="13"/>
      <c r="I54" s="13"/>
      <c r="J54" s="14"/>
      <c r="K54" s="15"/>
      <c r="L54" s="13"/>
      <c r="M54" s="13"/>
      <c r="N54" s="13"/>
      <c r="O54" s="14"/>
      <c r="P54" s="12"/>
      <c r="Q54" s="52"/>
      <c r="R54" s="18"/>
    </row>
    <row r="55" spans="1:37" x14ac:dyDescent="0.2">
      <c r="A55" s="58"/>
      <c r="B55" s="11"/>
      <c r="C55" s="17"/>
      <c r="D55" s="13"/>
      <c r="E55" s="14"/>
      <c r="F55" s="15"/>
      <c r="G55" s="13"/>
      <c r="H55" s="13"/>
      <c r="I55" s="13"/>
      <c r="J55" s="14"/>
      <c r="K55" s="15"/>
      <c r="L55" s="13"/>
      <c r="M55" s="13"/>
      <c r="N55" s="13"/>
      <c r="O55" s="14"/>
      <c r="P55" s="12"/>
      <c r="Q55" s="52"/>
      <c r="R55" s="18"/>
    </row>
    <row r="56" spans="1:37" x14ac:dyDescent="0.2">
      <c r="A56" s="58"/>
      <c r="B56" s="11"/>
      <c r="C56" s="17"/>
      <c r="D56" s="13"/>
      <c r="E56" s="14"/>
      <c r="F56" s="15"/>
      <c r="G56" s="13"/>
      <c r="H56" s="13"/>
      <c r="I56" s="13"/>
      <c r="J56" s="14"/>
      <c r="K56" s="15"/>
      <c r="L56" s="13"/>
      <c r="M56" s="13"/>
      <c r="N56" s="13"/>
      <c r="O56" s="14"/>
      <c r="P56" s="12"/>
      <c r="Q56" s="52"/>
      <c r="R56" s="18"/>
    </row>
    <row r="57" spans="1:37" x14ac:dyDescent="0.2">
      <c r="A57" s="59"/>
      <c r="B57" s="21"/>
      <c r="C57" s="26"/>
      <c r="D57" s="23"/>
      <c r="E57" s="24"/>
      <c r="F57" s="25"/>
      <c r="G57" s="23"/>
      <c r="H57" s="23"/>
      <c r="I57" s="23"/>
      <c r="J57" s="24"/>
      <c r="K57" s="25"/>
      <c r="L57" s="23"/>
      <c r="M57" s="23"/>
      <c r="N57" s="23"/>
      <c r="O57" s="24"/>
      <c r="P57" s="22"/>
      <c r="Q57" s="53"/>
      <c r="R57" s="27"/>
    </row>
    <row r="58" spans="1:37" x14ac:dyDescent="0.2">
      <c r="A58" s="60"/>
      <c r="B58" s="2"/>
      <c r="C58" s="7"/>
      <c r="D58" s="4"/>
      <c r="E58" s="5"/>
      <c r="F58" s="6"/>
      <c r="G58" s="4"/>
      <c r="H58" s="4"/>
      <c r="I58" s="4"/>
      <c r="J58" s="5"/>
      <c r="K58" s="6"/>
      <c r="L58" s="4"/>
      <c r="M58" s="4"/>
      <c r="N58" s="4"/>
      <c r="O58" s="5"/>
      <c r="P58" s="3"/>
      <c r="Q58" s="51"/>
      <c r="R58" s="8"/>
    </row>
    <row r="59" spans="1:37" x14ac:dyDescent="0.2">
      <c r="A59" s="58"/>
      <c r="B59" s="11"/>
      <c r="C59" s="17"/>
      <c r="D59" s="13"/>
      <c r="E59" s="14"/>
      <c r="F59" s="15"/>
      <c r="G59" s="13"/>
      <c r="H59" s="13"/>
      <c r="I59" s="13"/>
      <c r="J59" s="14"/>
      <c r="K59" s="15"/>
      <c r="L59" s="13"/>
      <c r="M59" s="13"/>
      <c r="N59" s="13"/>
      <c r="O59" s="14"/>
      <c r="P59" s="12"/>
      <c r="Q59" s="52"/>
      <c r="R59" s="18"/>
    </row>
    <row r="60" spans="1:37" x14ac:dyDescent="0.2">
      <c r="A60" s="58"/>
      <c r="B60" s="11"/>
      <c r="C60" s="17"/>
      <c r="D60" s="13"/>
      <c r="E60" s="14"/>
      <c r="F60" s="15"/>
      <c r="G60" s="13"/>
      <c r="H60" s="13"/>
      <c r="I60" s="13"/>
      <c r="J60" s="14"/>
      <c r="K60" s="15"/>
      <c r="L60" s="13"/>
      <c r="M60" s="13"/>
      <c r="N60" s="13"/>
      <c r="O60" s="14"/>
      <c r="P60" s="12"/>
      <c r="Q60" s="52"/>
      <c r="R60" s="18"/>
    </row>
    <row r="61" spans="1:37" x14ac:dyDescent="0.2">
      <c r="A61" s="58"/>
      <c r="B61" s="11"/>
      <c r="C61" s="17"/>
      <c r="D61" s="13"/>
      <c r="E61" s="14"/>
      <c r="F61" s="15"/>
      <c r="G61" s="13"/>
      <c r="H61" s="13"/>
      <c r="I61" s="13"/>
      <c r="J61" s="14"/>
      <c r="K61" s="15"/>
      <c r="L61" s="13"/>
      <c r="M61" s="13"/>
      <c r="N61" s="13"/>
      <c r="O61" s="14"/>
      <c r="P61" s="12"/>
      <c r="Q61" s="52"/>
      <c r="R61" s="18"/>
    </row>
    <row r="62" spans="1:37" x14ac:dyDescent="0.2">
      <c r="A62" s="59"/>
      <c r="B62" s="21"/>
      <c r="C62" s="26"/>
      <c r="D62" s="23"/>
      <c r="E62" s="24"/>
      <c r="F62" s="25"/>
      <c r="G62" s="23"/>
      <c r="H62" s="23"/>
      <c r="I62" s="23"/>
      <c r="J62" s="24"/>
      <c r="K62" s="25"/>
      <c r="L62" s="23"/>
      <c r="M62" s="23"/>
      <c r="N62" s="23"/>
      <c r="O62" s="24"/>
      <c r="P62" s="22"/>
      <c r="Q62" s="53"/>
      <c r="R62" s="27"/>
    </row>
    <row r="63" spans="1:37" x14ac:dyDescent="0.2">
      <c r="A63" s="60"/>
      <c r="B63" s="2"/>
      <c r="C63" s="7"/>
      <c r="D63" s="4"/>
      <c r="E63" s="5"/>
      <c r="F63" s="6"/>
      <c r="G63" s="4"/>
      <c r="H63" s="4"/>
      <c r="I63" s="4"/>
      <c r="J63" s="5"/>
      <c r="K63" s="6"/>
      <c r="L63" s="4"/>
      <c r="M63" s="4"/>
      <c r="N63" s="4"/>
      <c r="O63" s="5"/>
      <c r="P63" s="3"/>
      <c r="Q63" s="51"/>
      <c r="R63" s="8"/>
    </row>
    <row r="64" spans="1:37" x14ac:dyDescent="0.2">
      <c r="A64" s="58"/>
      <c r="B64" s="11"/>
      <c r="C64" s="17"/>
      <c r="D64" s="13"/>
      <c r="E64" s="14"/>
      <c r="F64" s="15"/>
      <c r="G64" s="13"/>
      <c r="H64" s="13"/>
      <c r="I64" s="13"/>
      <c r="J64" s="14"/>
      <c r="K64" s="15"/>
      <c r="L64" s="13"/>
      <c r="M64" s="13"/>
      <c r="N64" s="13"/>
      <c r="O64" s="14"/>
      <c r="P64" s="12"/>
      <c r="Q64" s="52"/>
      <c r="R64" s="18"/>
    </row>
    <row r="65" spans="1:18" x14ac:dyDescent="0.2">
      <c r="A65" s="58"/>
      <c r="B65" s="11"/>
      <c r="C65" s="17"/>
      <c r="D65" s="13"/>
      <c r="E65" s="14"/>
      <c r="F65" s="15"/>
      <c r="G65" s="13"/>
      <c r="H65" s="13"/>
      <c r="I65" s="13"/>
      <c r="J65" s="14"/>
      <c r="K65" s="15"/>
      <c r="L65" s="13"/>
      <c r="M65" s="13"/>
      <c r="N65" s="13"/>
      <c r="O65" s="14"/>
      <c r="P65" s="12"/>
      <c r="Q65" s="52"/>
      <c r="R65" s="18"/>
    </row>
    <row r="66" spans="1:18" x14ac:dyDescent="0.2">
      <c r="A66" s="58"/>
      <c r="B66" s="11"/>
      <c r="C66" s="17"/>
      <c r="D66" s="13"/>
      <c r="E66" s="14"/>
      <c r="F66" s="15"/>
      <c r="G66" s="13"/>
      <c r="H66" s="13"/>
      <c r="I66" s="13"/>
      <c r="J66" s="14"/>
      <c r="K66" s="15"/>
      <c r="L66" s="13"/>
      <c r="M66" s="13"/>
      <c r="N66" s="13"/>
      <c r="O66" s="14"/>
      <c r="P66" s="12"/>
      <c r="Q66" s="52"/>
      <c r="R66" s="18"/>
    </row>
    <row r="67" spans="1:18" x14ac:dyDescent="0.2">
      <c r="A67" s="59"/>
      <c r="B67" s="21"/>
      <c r="C67" s="26"/>
      <c r="D67" s="23"/>
      <c r="E67" s="24"/>
      <c r="F67" s="25"/>
      <c r="G67" s="23"/>
      <c r="H67" s="23"/>
      <c r="I67" s="23"/>
      <c r="J67" s="24"/>
      <c r="K67" s="25"/>
      <c r="L67" s="23"/>
      <c r="M67" s="23"/>
      <c r="N67" s="23"/>
      <c r="O67" s="24"/>
      <c r="P67" s="22"/>
      <c r="Q67" s="53"/>
      <c r="R67" s="27"/>
    </row>
  </sheetData>
  <mergeCells count="16">
    <mergeCell ref="T1:AK1"/>
    <mergeCell ref="T2:T3"/>
    <mergeCell ref="U2:U3"/>
    <mergeCell ref="V2:V3"/>
    <mergeCell ref="W2:AH2"/>
    <mergeCell ref="AI2:AI3"/>
    <mergeCell ref="AJ2:AJ3"/>
    <mergeCell ref="AK2:AK3"/>
    <mergeCell ref="A1:R1"/>
    <mergeCell ref="A2:A3"/>
    <mergeCell ref="B2:B3"/>
    <mergeCell ref="C2:C3"/>
    <mergeCell ref="D2:O2"/>
    <mergeCell ref="P2:P3"/>
    <mergeCell ref="Q2:Q3"/>
    <mergeCell ref="R2:R3"/>
  </mergeCells>
  <printOptions horizontalCentered="1"/>
  <pageMargins left="0.15" right="0.15" top="0.75" bottom="0.25" header="0.55000000000000004" footer="0.05"/>
  <pageSetup paperSize="3" scale="95" fitToHeight="40" orientation="portrait" r:id="rId1"/>
  <headerFooter scaleWithDoc="0" alignWithMargins="0">
    <oddHeader>&amp;L&amp;12San Mateo - Hayward Br (Br #35-0054)&amp;C&amp;"-,Bold"&amp;12Defect Schedule&amp;R&amp;12&amp;D</oddHeader>
    <oddFooter>&amp;R&amp;10&amp;P/&amp;N</oddFooter>
  </headerFooter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00ACFAD-5C89-4245-878A-D943DB2772C9}">
  <sheetPr>
    <pageSetUpPr fitToPage="1"/>
  </sheetPr>
  <dimension ref="A1:AK67"/>
  <sheetViews>
    <sheetView view="pageBreakPreview" zoomScaleNormal="130" zoomScaleSheetLayoutView="100" workbookViewId="0">
      <selection sqref="A1:R1"/>
    </sheetView>
  </sheetViews>
  <sheetFormatPr defaultColWidth="8.7109375" defaultRowHeight="11.25" x14ac:dyDescent="0.2"/>
  <cols>
    <col min="1" max="1" width="5.42578125" style="81" customWidth="1"/>
    <col min="2" max="3" width="4.140625" style="75" customWidth="1"/>
    <col min="4" max="4" width="3.7109375" style="82" customWidth="1"/>
    <col min="5" max="5" width="3.7109375" style="83" customWidth="1"/>
    <col min="6" max="6" width="3.7109375" style="84" customWidth="1"/>
    <col min="7" max="9" width="3.7109375" style="82" customWidth="1"/>
    <col min="10" max="10" width="3.7109375" style="83" customWidth="1"/>
    <col min="11" max="11" width="3.7109375" style="84" customWidth="1"/>
    <col min="12" max="14" width="3.7109375" style="82" customWidth="1"/>
    <col min="15" max="15" width="4" style="83" customWidth="1"/>
    <col min="16" max="16" width="3.7109375" style="74" customWidth="1"/>
    <col min="17" max="17" width="3.7109375" style="85" customWidth="1"/>
    <col min="18" max="18" width="3.7109375" style="86" customWidth="1"/>
    <col min="19" max="19" width="3.42578125" style="71" customWidth="1"/>
    <col min="20" max="20" width="5.42578125" style="78" customWidth="1"/>
    <col min="21" max="22" width="4.140625" style="78" customWidth="1"/>
    <col min="23" max="33" width="3.7109375" style="78" customWidth="1"/>
    <col min="34" max="34" width="4" style="78" customWidth="1"/>
    <col min="35" max="37" width="3.7109375" style="78" customWidth="1"/>
    <col min="38" max="38" width="8.7109375" style="78"/>
    <col min="39" max="40" width="2.7109375" style="78" bestFit="1" customWidth="1"/>
    <col min="41" max="41" width="8.7109375" style="78"/>
    <col min="42" max="43" width="2.7109375" style="78" bestFit="1" customWidth="1"/>
    <col min="44" max="16384" width="8.7109375" style="78"/>
  </cols>
  <sheetData>
    <row r="1" spans="1:37" s="75" customFormat="1" ht="12" customHeight="1" x14ac:dyDescent="0.25">
      <c r="A1" s="73" t="s">
        <v>5</v>
      </c>
      <c r="B1" s="73"/>
      <c r="C1" s="73"/>
      <c r="D1" s="73"/>
      <c r="E1" s="73"/>
      <c r="F1" s="73"/>
      <c r="G1" s="73"/>
      <c r="H1" s="73"/>
      <c r="I1" s="73"/>
      <c r="J1" s="73"/>
      <c r="K1" s="73"/>
      <c r="L1" s="73"/>
      <c r="M1" s="73"/>
      <c r="N1" s="73"/>
      <c r="O1" s="73"/>
      <c r="P1" s="73"/>
      <c r="Q1" s="73"/>
      <c r="R1" s="73"/>
      <c r="S1" s="74"/>
      <c r="T1" s="73" t="s">
        <v>5</v>
      </c>
      <c r="U1" s="73"/>
      <c r="V1" s="73"/>
      <c r="W1" s="73"/>
      <c r="X1" s="73"/>
      <c r="Y1" s="73"/>
      <c r="Z1" s="73"/>
      <c r="AA1" s="73"/>
      <c r="AB1" s="73"/>
      <c r="AC1" s="73"/>
      <c r="AD1" s="73"/>
      <c r="AE1" s="73"/>
      <c r="AF1" s="73"/>
      <c r="AG1" s="73"/>
      <c r="AH1" s="73"/>
      <c r="AI1" s="73"/>
      <c r="AJ1" s="73"/>
      <c r="AK1" s="73"/>
    </row>
    <row r="2" spans="1:37" s="75" customFormat="1" ht="15" customHeight="1" x14ac:dyDescent="0.25">
      <c r="A2" s="76" t="s">
        <v>1103</v>
      </c>
      <c r="B2" s="76" t="s">
        <v>1104</v>
      </c>
      <c r="C2" s="73" t="s">
        <v>6</v>
      </c>
      <c r="D2" s="73" t="s">
        <v>260</v>
      </c>
      <c r="E2" s="73"/>
      <c r="F2" s="73"/>
      <c r="G2" s="73"/>
      <c r="H2" s="73"/>
      <c r="I2" s="73"/>
      <c r="J2" s="73"/>
      <c r="K2" s="73"/>
      <c r="L2" s="73"/>
      <c r="M2" s="73"/>
      <c r="N2" s="73"/>
      <c r="O2" s="73"/>
      <c r="P2" s="73" t="s">
        <v>7</v>
      </c>
      <c r="Q2" s="72" t="s">
        <v>8</v>
      </c>
      <c r="R2" s="72" t="s">
        <v>1105</v>
      </c>
      <c r="S2" s="74"/>
      <c r="T2" s="76" t="s">
        <v>1103</v>
      </c>
      <c r="U2" s="76" t="s">
        <v>1104</v>
      </c>
      <c r="V2" s="73" t="s">
        <v>6</v>
      </c>
      <c r="W2" s="73" t="s">
        <v>260</v>
      </c>
      <c r="X2" s="73"/>
      <c r="Y2" s="73"/>
      <c r="Z2" s="73"/>
      <c r="AA2" s="73"/>
      <c r="AB2" s="73"/>
      <c r="AC2" s="73"/>
      <c r="AD2" s="73"/>
      <c r="AE2" s="73"/>
      <c r="AF2" s="73"/>
      <c r="AG2" s="73"/>
      <c r="AH2" s="73"/>
      <c r="AI2" s="73" t="s">
        <v>7</v>
      </c>
      <c r="AJ2" s="72" t="s">
        <v>8</v>
      </c>
      <c r="AK2" s="72" t="s">
        <v>1105</v>
      </c>
    </row>
    <row r="3" spans="1:37" ht="25.5" customHeight="1" x14ac:dyDescent="0.2">
      <c r="A3" s="76"/>
      <c r="B3" s="76"/>
      <c r="C3" s="73"/>
      <c r="D3" s="77">
        <v>12</v>
      </c>
      <c r="E3" s="77">
        <v>11</v>
      </c>
      <c r="F3" s="77">
        <v>10</v>
      </c>
      <c r="G3" s="77">
        <v>9</v>
      </c>
      <c r="H3" s="77">
        <v>8</v>
      </c>
      <c r="I3" s="77">
        <v>7</v>
      </c>
      <c r="J3" s="77">
        <v>6</v>
      </c>
      <c r="K3" s="77">
        <v>5</v>
      </c>
      <c r="L3" s="77">
        <v>4</v>
      </c>
      <c r="M3" s="77">
        <v>3</v>
      </c>
      <c r="N3" s="77">
        <v>2</v>
      </c>
      <c r="O3" s="77">
        <v>1</v>
      </c>
      <c r="P3" s="73"/>
      <c r="Q3" s="72"/>
      <c r="R3" s="72"/>
      <c r="T3" s="76"/>
      <c r="U3" s="76"/>
      <c r="V3" s="73"/>
      <c r="W3" s="77">
        <v>12</v>
      </c>
      <c r="X3" s="77">
        <v>11</v>
      </c>
      <c r="Y3" s="77">
        <v>10</v>
      </c>
      <c r="Z3" s="77">
        <v>9</v>
      </c>
      <c r="AA3" s="77">
        <v>8</v>
      </c>
      <c r="AB3" s="77">
        <v>7</v>
      </c>
      <c r="AC3" s="77">
        <v>6</v>
      </c>
      <c r="AD3" s="77">
        <v>5</v>
      </c>
      <c r="AE3" s="77">
        <v>4</v>
      </c>
      <c r="AF3" s="77">
        <v>3</v>
      </c>
      <c r="AG3" s="77">
        <v>2</v>
      </c>
      <c r="AH3" s="77">
        <v>1</v>
      </c>
      <c r="AI3" s="73"/>
      <c r="AJ3" s="72"/>
      <c r="AK3" s="72"/>
    </row>
    <row r="4" spans="1:37" x14ac:dyDescent="0.2">
      <c r="A4" s="63" t="s">
        <v>715</v>
      </c>
      <c r="B4" s="44">
        <v>40</v>
      </c>
      <c r="C4" s="49"/>
      <c r="D4" s="46"/>
      <c r="E4" s="47"/>
      <c r="F4" s="48"/>
      <c r="G4" s="46"/>
      <c r="H4" s="46"/>
      <c r="I4" s="46"/>
      <c r="J4" s="47"/>
      <c r="K4" s="48"/>
      <c r="L4" s="46"/>
      <c r="M4" s="46"/>
      <c r="N4" s="46"/>
      <c r="O4" s="47"/>
      <c r="P4" s="49"/>
      <c r="Q4" s="56"/>
      <c r="R4" s="50"/>
      <c r="T4" s="63" t="s">
        <v>677</v>
      </c>
      <c r="U4" s="44">
        <v>40</v>
      </c>
      <c r="V4" s="45"/>
      <c r="W4" s="46"/>
      <c r="X4" s="47"/>
      <c r="Y4" s="48"/>
      <c r="Z4" s="46"/>
      <c r="AA4" s="46"/>
      <c r="AB4" s="46"/>
      <c r="AC4" s="47"/>
      <c r="AD4" s="48"/>
      <c r="AE4" s="46"/>
      <c r="AF4" s="46"/>
      <c r="AG4" s="46"/>
      <c r="AH4" s="47"/>
      <c r="AI4" s="49"/>
      <c r="AJ4" s="56"/>
      <c r="AK4" s="50"/>
    </row>
    <row r="5" spans="1:37" x14ac:dyDescent="0.2">
      <c r="A5" s="58" t="s">
        <v>714</v>
      </c>
      <c r="B5" s="10">
        <v>52</v>
      </c>
      <c r="C5" s="12"/>
      <c r="D5" s="13"/>
      <c r="E5" s="14"/>
      <c r="F5" s="15"/>
      <c r="G5" s="13"/>
      <c r="H5" s="13"/>
      <c r="I5" s="13"/>
      <c r="J5" s="14"/>
      <c r="K5" s="15"/>
      <c r="L5" s="13"/>
      <c r="M5" s="13"/>
      <c r="N5" s="13"/>
      <c r="O5" s="14"/>
      <c r="P5" s="12"/>
      <c r="Q5" s="52"/>
      <c r="R5" s="18"/>
      <c r="T5" s="58" t="s">
        <v>676</v>
      </c>
      <c r="U5" s="10">
        <v>53</v>
      </c>
      <c r="V5" s="17"/>
      <c r="W5" s="13"/>
      <c r="X5" s="14"/>
      <c r="Y5" s="15"/>
      <c r="Z5" s="13"/>
      <c r="AA5" s="13"/>
      <c r="AB5" s="13"/>
      <c r="AC5" s="14"/>
      <c r="AD5" s="15"/>
      <c r="AE5" s="13"/>
      <c r="AF5" s="13"/>
      <c r="AG5" s="13"/>
      <c r="AH5" s="14"/>
      <c r="AI5" s="12"/>
      <c r="AJ5" s="52"/>
      <c r="AK5" s="18"/>
    </row>
    <row r="6" spans="1:37" x14ac:dyDescent="0.2">
      <c r="A6" s="58" t="s">
        <v>713</v>
      </c>
      <c r="B6" s="10">
        <v>40</v>
      </c>
      <c r="C6" s="12"/>
      <c r="D6" s="13"/>
      <c r="E6" s="14"/>
      <c r="F6" s="15"/>
      <c r="G6" s="13"/>
      <c r="H6" s="13"/>
      <c r="I6" s="13"/>
      <c r="J6" s="14"/>
      <c r="K6" s="15"/>
      <c r="L6" s="13"/>
      <c r="M6" s="13"/>
      <c r="N6" s="13"/>
      <c r="O6" s="14"/>
      <c r="P6" s="12"/>
      <c r="Q6" s="52"/>
      <c r="R6" s="18"/>
      <c r="T6" s="58" t="s">
        <v>675</v>
      </c>
      <c r="U6" s="10">
        <v>53</v>
      </c>
      <c r="V6" s="17"/>
      <c r="W6" s="13"/>
      <c r="X6" s="14"/>
      <c r="Y6" s="15"/>
      <c r="Z6" s="13"/>
      <c r="AA6" s="13"/>
      <c r="AB6" s="13"/>
      <c r="AC6" s="14"/>
      <c r="AD6" s="15"/>
      <c r="AE6" s="13"/>
      <c r="AF6" s="13"/>
      <c r="AG6" s="13"/>
      <c r="AH6" s="14"/>
      <c r="AI6" s="12"/>
      <c r="AJ6" s="52"/>
      <c r="AK6" s="18"/>
    </row>
    <row r="7" spans="1:37" x14ac:dyDescent="0.2">
      <c r="A7" s="58" t="s">
        <v>712</v>
      </c>
      <c r="B7" s="10">
        <v>53</v>
      </c>
      <c r="C7" s="12"/>
      <c r="D7" s="13"/>
      <c r="E7" s="14"/>
      <c r="F7" s="15"/>
      <c r="G7" s="13"/>
      <c r="H7" s="13"/>
      <c r="I7" s="13"/>
      <c r="J7" s="14"/>
      <c r="K7" s="15"/>
      <c r="L7" s="13"/>
      <c r="M7" s="13"/>
      <c r="N7" s="13"/>
      <c r="O7" s="14"/>
      <c r="P7" s="12"/>
      <c r="Q7" s="52"/>
      <c r="R7" s="18"/>
      <c r="T7" s="58" t="s">
        <v>674</v>
      </c>
      <c r="U7" s="10">
        <v>43</v>
      </c>
      <c r="V7" s="17"/>
      <c r="W7" s="13"/>
      <c r="X7" s="14"/>
      <c r="Y7" s="15"/>
      <c r="Z7" s="13"/>
      <c r="AA7" s="13"/>
      <c r="AB7" s="13"/>
      <c r="AC7" s="14"/>
      <c r="AD7" s="15"/>
      <c r="AE7" s="13"/>
      <c r="AF7" s="13"/>
      <c r="AG7" s="13"/>
      <c r="AH7" s="14"/>
      <c r="AI7" s="12"/>
      <c r="AJ7" s="52"/>
      <c r="AK7" s="18"/>
    </row>
    <row r="8" spans="1:37" x14ac:dyDescent="0.2">
      <c r="A8" s="59" t="s">
        <v>711</v>
      </c>
      <c r="B8" s="20">
        <v>27</v>
      </c>
      <c r="C8" s="22"/>
      <c r="D8" s="23"/>
      <c r="E8" s="24"/>
      <c r="F8" s="25"/>
      <c r="G8" s="23"/>
      <c r="H8" s="23"/>
      <c r="I8" s="23"/>
      <c r="J8" s="24"/>
      <c r="K8" s="25"/>
      <c r="L8" s="23"/>
      <c r="M8" s="23"/>
      <c r="N8" s="23"/>
      <c r="O8" s="24"/>
      <c r="P8" s="22"/>
      <c r="Q8" s="53"/>
      <c r="R8" s="27"/>
      <c r="T8" s="59" t="s">
        <v>673</v>
      </c>
      <c r="U8" s="20">
        <v>40</v>
      </c>
      <c r="V8" s="26"/>
      <c r="W8" s="23"/>
      <c r="X8" s="24"/>
      <c r="Y8" s="25"/>
      <c r="Z8" s="23"/>
      <c r="AA8" s="23"/>
      <c r="AB8" s="23"/>
      <c r="AC8" s="24"/>
      <c r="AD8" s="25"/>
      <c r="AE8" s="23"/>
      <c r="AF8" s="23"/>
      <c r="AG8" s="23"/>
      <c r="AH8" s="24"/>
      <c r="AI8" s="22"/>
      <c r="AJ8" s="53"/>
      <c r="AK8" s="27"/>
    </row>
    <row r="9" spans="1:37" x14ac:dyDescent="0.2">
      <c r="A9" s="60" t="s">
        <v>710</v>
      </c>
      <c r="B9" s="1">
        <v>38</v>
      </c>
      <c r="C9" s="3"/>
      <c r="D9" s="4"/>
      <c r="E9" s="5"/>
      <c r="F9" s="6"/>
      <c r="G9" s="4"/>
      <c r="H9" s="4"/>
      <c r="I9" s="4"/>
      <c r="J9" s="5"/>
      <c r="K9" s="6"/>
      <c r="L9" s="4"/>
      <c r="M9" s="4"/>
      <c r="N9" s="4"/>
      <c r="O9" s="5"/>
      <c r="P9" s="3"/>
      <c r="Q9" s="51"/>
      <c r="R9" s="8"/>
      <c r="T9" s="60" t="s">
        <v>672</v>
      </c>
      <c r="U9" s="1">
        <v>49</v>
      </c>
      <c r="V9" s="7"/>
      <c r="W9" s="4"/>
      <c r="X9" s="5"/>
      <c r="Y9" s="6"/>
      <c r="Z9" s="4"/>
      <c r="AA9" s="4"/>
      <c r="AB9" s="4"/>
      <c r="AC9" s="5"/>
      <c r="AD9" s="6"/>
      <c r="AE9" s="4"/>
      <c r="AF9" s="4"/>
      <c r="AG9" s="4"/>
      <c r="AH9" s="5"/>
      <c r="AI9" s="3"/>
      <c r="AJ9" s="51"/>
      <c r="AK9" s="8"/>
    </row>
    <row r="10" spans="1:37" x14ac:dyDescent="0.2">
      <c r="A10" s="58" t="s">
        <v>113</v>
      </c>
      <c r="B10" s="10" t="s">
        <v>259</v>
      </c>
      <c r="C10" s="12"/>
      <c r="D10" s="13"/>
      <c r="E10" s="14"/>
      <c r="F10" s="15"/>
      <c r="G10" s="13"/>
      <c r="H10" s="13"/>
      <c r="I10" s="13"/>
      <c r="J10" s="14"/>
      <c r="K10" s="15"/>
      <c r="L10" s="13"/>
      <c r="M10" s="13" t="s">
        <v>0</v>
      </c>
      <c r="N10" s="13"/>
      <c r="O10" s="14"/>
      <c r="P10" s="12"/>
      <c r="Q10" s="52">
        <v>4</v>
      </c>
      <c r="R10" s="18"/>
      <c r="T10" s="58" t="s">
        <v>671</v>
      </c>
      <c r="U10" s="10">
        <v>44</v>
      </c>
      <c r="V10" s="17"/>
      <c r="W10" s="13"/>
      <c r="X10" s="14"/>
      <c r="Y10" s="15"/>
      <c r="Z10" s="13"/>
      <c r="AA10" s="13"/>
      <c r="AB10" s="13"/>
      <c r="AC10" s="14"/>
      <c r="AD10" s="15"/>
      <c r="AE10" s="13"/>
      <c r="AF10" s="13"/>
      <c r="AG10" s="13"/>
      <c r="AH10" s="14"/>
      <c r="AI10" s="12"/>
      <c r="AJ10" s="52"/>
      <c r="AK10" s="18"/>
    </row>
    <row r="11" spans="1:37" x14ac:dyDescent="0.2">
      <c r="A11" s="58" t="s">
        <v>709</v>
      </c>
      <c r="B11" s="10">
        <v>44</v>
      </c>
      <c r="C11" s="12"/>
      <c r="D11" s="13"/>
      <c r="E11" s="14"/>
      <c r="F11" s="15"/>
      <c r="G11" s="13"/>
      <c r="H11" s="13"/>
      <c r="I11" s="13"/>
      <c r="J11" s="14"/>
      <c r="K11" s="15"/>
      <c r="L11" s="13"/>
      <c r="M11" s="13"/>
      <c r="N11" s="13"/>
      <c r="O11" s="14"/>
      <c r="P11" s="12"/>
      <c r="Q11" s="52"/>
      <c r="R11" s="18"/>
      <c r="T11" s="58" t="s">
        <v>670</v>
      </c>
      <c r="U11" s="10">
        <v>44</v>
      </c>
      <c r="V11" s="17"/>
      <c r="W11" s="13"/>
      <c r="X11" s="14"/>
      <c r="Y11" s="15"/>
      <c r="Z11" s="13"/>
      <c r="AA11" s="13"/>
      <c r="AB11" s="13"/>
      <c r="AC11" s="14"/>
      <c r="AD11" s="15"/>
      <c r="AE11" s="13"/>
      <c r="AF11" s="13"/>
      <c r="AG11" s="13"/>
      <c r="AH11" s="14"/>
      <c r="AI11" s="12"/>
      <c r="AJ11" s="52"/>
      <c r="AK11" s="18"/>
    </row>
    <row r="12" spans="1:37" x14ac:dyDescent="0.2">
      <c r="A12" s="58" t="s">
        <v>708</v>
      </c>
      <c r="B12" s="10">
        <v>44</v>
      </c>
      <c r="C12" s="12"/>
      <c r="D12" s="13"/>
      <c r="E12" s="14"/>
      <c r="F12" s="15"/>
      <c r="G12" s="13"/>
      <c r="H12" s="13"/>
      <c r="I12" s="13"/>
      <c r="J12" s="14"/>
      <c r="K12" s="15"/>
      <c r="L12" s="13"/>
      <c r="M12" s="13"/>
      <c r="N12" s="13"/>
      <c r="O12" s="14"/>
      <c r="P12" s="12"/>
      <c r="Q12" s="52"/>
      <c r="R12" s="18"/>
      <c r="T12" s="58" t="s">
        <v>669</v>
      </c>
      <c r="U12" s="10">
        <v>49</v>
      </c>
      <c r="V12" s="17"/>
      <c r="W12" s="13"/>
      <c r="X12" s="14"/>
      <c r="Y12" s="15"/>
      <c r="Z12" s="13"/>
      <c r="AA12" s="13"/>
      <c r="AB12" s="13"/>
      <c r="AC12" s="14"/>
      <c r="AD12" s="15"/>
      <c r="AE12" s="13"/>
      <c r="AF12" s="13"/>
      <c r="AG12" s="13"/>
      <c r="AH12" s="14"/>
      <c r="AI12" s="12"/>
      <c r="AJ12" s="52"/>
      <c r="AK12" s="18"/>
    </row>
    <row r="13" spans="1:37" x14ac:dyDescent="0.2">
      <c r="A13" s="59" t="s">
        <v>114</v>
      </c>
      <c r="B13" s="20" t="s">
        <v>259</v>
      </c>
      <c r="C13" s="26"/>
      <c r="D13" s="37"/>
      <c r="E13" s="38"/>
      <c r="F13" s="39"/>
      <c r="G13" s="37"/>
      <c r="H13" s="37"/>
      <c r="I13" s="37"/>
      <c r="J13" s="38" t="s">
        <v>0</v>
      </c>
      <c r="K13" s="39" t="s">
        <v>0</v>
      </c>
      <c r="L13" s="37" t="s">
        <v>0</v>
      </c>
      <c r="M13" s="37" t="s">
        <v>0</v>
      </c>
      <c r="N13" s="37"/>
      <c r="O13" s="38"/>
      <c r="P13" s="26"/>
      <c r="Q13" s="53">
        <v>13</v>
      </c>
      <c r="R13" s="27"/>
      <c r="T13" s="59" t="s">
        <v>668</v>
      </c>
      <c r="U13" s="20">
        <v>40</v>
      </c>
      <c r="V13" s="22"/>
      <c r="W13" s="23"/>
      <c r="X13" s="24"/>
      <c r="Y13" s="25"/>
      <c r="Z13" s="23"/>
      <c r="AA13" s="23"/>
      <c r="AB13" s="23"/>
      <c r="AC13" s="24"/>
      <c r="AD13" s="25"/>
      <c r="AE13" s="23"/>
      <c r="AF13" s="23"/>
      <c r="AG13" s="23"/>
      <c r="AH13" s="24"/>
      <c r="AI13" s="22"/>
      <c r="AJ13" s="53"/>
      <c r="AK13" s="27"/>
    </row>
    <row r="14" spans="1:37" x14ac:dyDescent="0.2">
      <c r="A14" s="60" t="s">
        <v>707</v>
      </c>
      <c r="B14" s="1">
        <v>61</v>
      </c>
      <c r="C14" s="3"/>
      <c r="D14" s="4"/>
      <c r="E14" s="5"/>
      <c r="F14" s="6"/>
      <c r="G14" s="4"/>
      <c r="H14" s="4"/>
      <c r="I14" s="4"/>
      <c r="J14" s="5"/>
      <c r="K14" s="6"/>
      <c r="L14" s="4"/>
      <c r="M14" s="4"/>
      <c r="N14" s="4"/>
      <c r="O14" s="5"/>
      <c r="P14" s="3"/>
      <c r="Q14" s="51"/>
      <c r="R14" s="8"/>
      <c r="T14" s="60" t="s">
        <v>667</v>
      </c>
      <c r="U14" s="1">
        <v>40</v>
      </c>
      <c r="V14" s="7"/>
      <c r="W14" s="4"/>
      <c r="X14" s="5"/>
      <c r="Y14" s="6"/>
      <c r="Z14" s="4"/>
      <c r="AA14" s="4"/>
      <c r="AB14" s="4"/>
      <c r="AC14" s="5"/>
      <c r="AD14" s="6"/>
      <c r="AE14" s="4"/>
      <c r="AF14" s="4"/>
      <c r="AG14" s="4"/>
      <c r="AH14" s="5"/>
      <c r="AI14" s="3"/>
      <c r="AJ14" s="51"/>
      <c r="AK14" s="8"/>
    </row>
    <row r="15" spans="1:37" x14ac:dyDescent="0.2">
      <c r="A15" s="58" t="s">
        <v>706</v>
      </c>
      <c r="B15" s="10">
        <v>48</v>
      </c>
      <c r="C15" s="12"/>
      <c r="D15" s="13"/>
      <c r="E15" s="14"/>
      <c r="F15" s="15"/>
      <c r="G15" s="13"/>
      <c r="H15" s="13"/>
      <c r="I15" s="13"/>
      <c r="J15" s="14"/>
      <c r="K15" s="15"/>
      <c r="L15" s="13"/>
      <c r="M15" s="13"/>
      <c r="N15" s="13"/>
      <c r="O15" s="14"/>
      <c r="P15" s="12"/>
      <c r="Q15" s="52"/>
      <c r="R15" s="18"/>
      <c r="T15" s="58" t="s">
        <v>666</v>
      </c>
      <c r="U15" s="10">
        <v>43</v>
      </c>
      <c r="V15" s="17"/>
      <c r="W15" s="13"/>
      <c r="X15" s="14"/>
      <c r="Y15" s="15"/>
      <c r="Z15" s="13"/>
      <c r="AA15" s="13"/>
      <c r="AB15" s="13"/>
      <c r="AC15" s="14"/>
      <c r="AD15" s="15"/>
      <c r="AE15" s="13"/>
      <c r="AF15" s="13"/>
      <c r="AG15" s="13"/>
      <c r="AH15" s="14"/>
      <c r="AI15" s="12"/>
      <c r="AJ15" s="52"/>
      <c r="AK15" s="18"/>
    </row>
    <row r="16" spans="1:37" x14ac:dyDescent="0.2">
      <c r="A16" s="58" t="s">
        <v>115</v>
      </c>
      <c r="B16" s="10" t="s">
        <v>259</v>
      </c>
      <c r="C16" s="12"/>
      <c r="D16" s="13"/>
      <c r="E16" s="14"/>
      <c r="F16" s="15"/>
      <c r="G16" s="13"/>
      <c r="H16" s="13"/>
      <c r="I16" s="13"/>
      <c r="J16" s="14" t="s">
        <v>0</v>
      </c>
      <c r="K16" s="15"/>
      <c r="L16" s="13"/>
      <c r="M16" s="13"/>
      <c r="N16" s="13"/>
      <c r="O16" s="14"/>
      <c r="P16" s="12"/>
      <c r="Q16" s="52">
        <v>4</v>
      </c>
      <c r="R16" s="18"/>
      <c r="T16" s="58" t="s">
        <v>665</v>
      </c>
      <c r="U16" s="10">
        <v>80</v>
      </c>
      <c r="V16" s="17"/>
      <c r="W16" s="13"/>
      <c r="X16" s="14"/>
      <c r="Y16" s="15"/>
      <c r="Z16" s="13"/>
      <c r="AA16" s="13"/>
      <c r="AB16" s="13"/>
      <c r="AC16" s="14"/>
      <c r="AD16" s="15"/>
      <c r="AE16" s="13"/>
      <c r="AF16" s="13"/>
      <c r="AG16" s="13"/>
      <c r="AH16" s="14"/>
      <c r="AI16" s="12"/>
      <c r="AJ16" s="52"/>
      <c r="AK16" s="18"/>
    </row>
    <row r="17" spans="1:37" x14ac:dyDescent="0.2">
      <c r="A17" s="58" t="s">
        <v>705</v>
      </c>
      <c r="B17" s="10">
        <v>62</v>
      </c>
      <c r="C17" s="12"/>
      <c r="D17" s="13"/>
      <c r="E17" s="14"/>
      <c r="F17" s="15"/>
      <c r="G17" s="13"/>
      <c r="H17" s="13"/>
      <c r="I17" s="13"/>
      <c r="J17" s="14"/>
      <c r="K17" s="15"/>
      <c r="L17" s="13"/>
      <c r="M17" s="13"/>
      <c r="N17" s="13"/>
      <c r="O17" s="14"/>
      <c r="P17" s="12"/>
      <c r="Q17" s="52"/>
      <c r="R17" s="18"/>
      <c r="T17" s="58" t="s">
        <v>664</v>
      </c>
      <c r="U17" s="10">
        <v>36</v>
      </c>
      <c r="V17" s="17"/>
      <c r="W17" s="13"/>
      <c r="X17" s="14"/>
      <c r="Y17" s="15"/>
      <c r="Z17" s="13"/>
      <c r="AA17" s="13"/>
      <c r="AB17" s="13"/>
      <c r="AC17" s="14"/>
      <c r="AD17" s="15"/>
      <c r="AE17" s="13"/>
      <c r="AF17" s="13"/>
      <c r="AG17" s="13"/>
      <c r="AH17" s="14"/>
      <c r="AI17" s="12"/>
      <c r="AJ17" s="52"/>
      <c r="AK17" s="18"/>
    </row>
    <row r="18" spans="1:37" x14ac:dyDescent="0.2">
      <c r="A18" s="62" t="s">
        <v>116</v>
      </c>
      <c r="B18" s="29" t="s">
        <v>259</v>
      </c>
      <c r="C18" s="26" t="s">
        <v>0</v>
      </c>
      <c r="D18" s="37"/>
      <c r="E18" s="38"/>
      <c r="F18" s="39"/>
      <c r="G18" s="37"/>
      <c r="H18" s="37"/>
      <c r="I18" s="37"/>
      <c r="J18" s="38"/>
      <c r="K18" s="39"/>
      <c r="L18" s="37"/>
      <c r="M18" s="37"/>
      <c r="N18" s="37"/>
      <c r="O18" s="38"/>
      <c r="P18" s="26" t="s">
        <v>0</v>
      </c>
      <c r="Q18" s="53">
        <v>3</v>
      </c>
      <c r="R18" s="27"/>
      <c r="T18" s="59" t="s">
        <v>663</v>
      </c>
      <c r="U18" s="20">
        <v>53</v>
      </c>
      <c r="V18" s="26"/>
      <c r="W18" s="23"/>
      <c r="X18" s="24"/>
      <c r="Y18" s="25"/>
      <c r="Z18" s="23"/>
      <c r="AA18" s="23"/>
      <c r="AB18" s="23"/>
      <c r="AC18" s="24"/>
      <c r="AD18" s="25"/>
      <c r="AE18" s="23"/>
      <c r="AF18" s="23"/>
      <c r="AG18" s="23"/>
      <c r="AH18" s="24"/>
      <c r="AI18" s="22"/>
      <c r="AJ18" s="53"/>
      <c r="AK18" s="27"/>
    </row>
    <row r="19" spans="1:37" x14ac:dyDescent="0.2">
      <c r="A19" s="60" t="s">
        <v>704</v>
      </c>
      <c r="B19" s="1">
        <v>44</v>
      </c>
      <c r="C19" s="3"/>
      <c r="D19" s="4"/>
      <c r="E19" s="5"/>
      <c r="F19" s="6"/>
      <c r="G19" s="4"/>
      <c r="H19" s="4"/>
      <c r="I19" s="4"/>
      <c r="J19" s="5"/>
      <c r="K19" s="6"/>
      <c r="L19" s="4"/>
      <c r="M19" s="4"/>
      <c r="N19" s="4"/>
      <c r="O19" s="5"/>
      <c r="P19" s="3"/>
      <c r="Q19" s="51"/>
      <c r="R19" s="8"/>
      <c r="T19" s="60" t="s">
        <v>122</v>
      </c>
      <c r="U19" s="1" t="s">
        <v>259</v>
      </c>
      <c r="V19" s="7"/>
      <c r="W19" s="40"/>
      <c r="X19" s="41"/>
      <c r="Y19" s="42"/>
      <c r="Z19" s="40"/>
      <c r="AA19" s="40"/>
      <c r="AB19" s="40"/>
      <c r="AC19" s="41" t="s">
        <v>0</v>
      </c>
      <c r="AD19" s="42" t="s">
        <v>0</v>
      </c>
      <c r="AE19" s="40" t="s">
        <v>0</v>
      </c>
      <c r="AF19" s="40" t="s">
        <v>0</v>
      </c>
      <c r="AG19" s="40" t="s">
        <v>0</v>
      </c>
      <c r="AH19" s="41" t="s">
        <v>0</v>
      </c>
      <c r="AI19" s="7"/>
      <c r="AJ19" s="51">
        <v>25</v>
      </c>
      <c r="AK19" s="8"/>
    </row>
    <row r="20" spans="1:37" x14ac:dyDescent="0.2">
      <c r="A20" s="58" t="s">
        <v>703</v>
      </c>
      <c r="B20" s="10">
        <v>40</v>
      </c>
      <c r="C20" s="12"/>
      <c r="D20" s="13"/>
      <c r="E20" s="14"/>
      <c r="F20" s="15"/>
      <c r="G20" s="13"/>
      <c r="H20" s="13"/>
      <c r="I20" s="13"/>
      <c r="J20" s="14"/>
      <c r="K20" s="15"/>
      <c r="L20" s="13"/>
      <c r="M20" s="13"/>
      <c r="N20" s="13"/>
      <c r="O20" s="14"/>
      <c r="P20" s="12"/>
      <c r="Q20" s="52"/>
      <c r="R20" s="18"/>
      <c r="T20" s="58" t="s">
        <v>662</v>
      </c>
      <c r="U20" s="10">
        <v>60</v>
      </c>
      <c r="V20" s="17"/>
      <c r="W20" s="13"/>
      <c r="X20" s="14"/>
      <c r="Y20" s="15"/>
      <c r="Z20" s="13"/>
      <c r="AA20" s="13"/>
      <c r="AB20" s="13"/>
      <c r="AC20" s="14"/>
      <c r="AD20" s="15"/>
      <c r="AE20" s="13"/>
      <c r="AF20" s="13"/>
      <c r="AG20" s="13"/>
      <c r="AH20" s="14"/>
      <c r="AI20" s="12"/>
      <c r="AJ20" s="52"/>
      <c r="AK20" s="18"/>
    </row>
    <row r="21" spans="1:37" x14ac:dyDescent="0.2">
      <c r="A21" s="58" t="s">
        <v>702</v>
      </c>
      <c r="B21" s="10">
        <v>49</v>
      </c>
      <c r="C21" s="12"/>
      <c r="D21" s="13"/>
      <c r="E21" s="14"/>
      <c r="F21" s="15"/>
      <c r="G21" s="13"/>
      <c r="H21" s="13"/>
      <c r="I21" s="13"/>
      <c r="J21" s="14"/>
      <c r="K21" s="15"/>
      <c r="L21" s="13"/>
      <c r="M21" s="13"/>
      <c r="N21" s="13"/>
      <c r="O21" s="14"/>
      <c r="P21" s="12"/>
      <c r="Q21" s="52"/>
      <c r="R21" s="18"/>
      <c r="T21" s="58" t="s">
        <v>661</v>
      </c>
      <c r="U21" s="10">
        <v>49</v>
      </c>
      <c r="V21" s="17"/>
      <c r="W21" s="13"/>
      <c r="X21" s="14"/>
      <c r="Y21" s="15"/>
      <c r="Z21" s="13"/>
      <c r="AA21" s="13"/>
      <c r="AB21" s="13"/>
      <c r="AC21" s="14"/>
      <c r="AD21" s="15"/>
      <c r="AE21" s="13"/>
      <c r="AF21" s="13"/>
      <c r="AG21" s="13"/>
      <c r="AH21" s="14"/>
      <c r="AI21" s="12"/>
      <c r="AJ21" s="52"/>
      <c r="AK21" s="18"/>
    </row>
    <row r="22" spans="1:37" x14ac:dyDescent="0.2">
      <c r="A22" s="58" t="s">
        <v>701</v>
      </c>
      <c r="B22" s="10">
        <v>40</v>
      </c>
      <c r="C22" s="12"/>
      <c r="D22" s="13"/>
      <c r="E22" s="14"/>
      <c r="F22" s="15"/>
      <c r="G22" s="13"/>
      <c r="H22" s="13"/>
      <c r="I22" s="13"/>
      <c r="J22" s="14"/>
      <c r="K22" s="15"/>
      <c r="L22" s="13"/>
      <c r="M22" s="13"/>
      <c r="N22" s="13"/>
      <c r="O22" s="14"/>
      <c r="P22" s="12"/>
      <c r="Q22" s="52"/>
      <c r="R22" s="18"/>
      <c r="T22" s="58" t="s">
        <v>660</v>
      </c>
      <c r="U22" s="10">
        <v>53</v>
      </c>
      <c r="V22" s="17"/>
      <c r="W22" s="13"/>
      <c r="X22" s="14"/>
      <c r="Y22" s="15"/>
      <c r="Z22" s="13"/>
      <c r="AA22" s="13"/>
      <c r="AB22" s="13"/>
      <c r="AC22" s="14"/>
      <c r="AD22" s="15"/>
      <c r="AE22" s="13"/>
      <c r="AF22" s="13"/>
      <c r="AG22" s="13"/>
      <c r="AH22" s="14"/>
      <c r="AI22" s="12"/>
      <c r="AJ22" s="52"/>
      <c r="AK22" s="18"/>
    </row>
    <row r="23" spans="1:37" x14ac:dyDescent="0.2">
      <c r="A23" s="59" t="s">
        <v>117</v>
      </c>
      <c r="B23" s="20" t="s">
        <v>259</v>
      </c>
      <c r="C23" s="22"/>
      <c r="D23" s="23"/>
      <c r="E23" s="24"/>
      <c r="F23" s="25"/>
      <c r="G23" s="23"/>
      <c r="H23" s="23"/>
      <c r="I23" s="23"/>
      <c r="J23" s="24"/>
      <c r="K23" s="25"/>
      <c r="L23" s="23" t="s">
        <v>0</v>
      </c>
      <c r="M23" s="23"/>
      <c r="N23" s="23"/>
      <c r="O23" s="24"/>
      <c r="P23" s="22"/>
      <c r="Q23" s="53">
        <v>4</v>
      </c>
      <c r="R23" s="27"/>
      <c r="T23" s="59" t="s">
        <v>659</v>
      </c>
      <c r="U23" s="20">
        <v>40</v>
      </c>
      <c r="V23" s="26"/>
      <c r="W23" s="23"/>
      <c r="X23" s="24"/>
      <c r="Y23" s="25"/>
      <c r="Z23" s="23"/>
      <c r="AA23" s="23"/>
      <c r="AB23" s="23"/>
      <c r="AC23" s="24"/>
      <c r="AD23" s="25"/>
      <c r="AE23" s="23"/>
      <c r="AF23" s="23"/>
      <c r="AG23" s="23"/>
      <c r="AH23" s="24"/>
      <c r="AI23" s="22"/>
      <c r="AJ23" s="53"/>
      <c r="AK23" s="27"/>
    </row>
    <row r="24" spans="1:37" x14ac:dyDescent="0.2">
      <c r="A24" s="60" t="s">
        <v>700</v>
      </c>
      <c r="B24" s="1">
        <v>27</v>
      </c>
      <c r="C24" s="3"/>
      <c r="D24" s="4"/>
      <c r="E24" s="5"/>
      <c r="F24" s="6"/>
      <c r="G24" s="4"/>
      <c r="H24" s="4"/>
      <c r="I24" s="4"/>
      <c r="J24" s="5"/>
      <c r="K24" s="6"/>
      <c r="L24" s="4"/>
      <c r="M24" s="4"/>
      <c r="N24" s="4"/>
      <c r="O24" s="5"/>
      <c r="P24" s="3"/>
      <c r="Q24" s="51"/>
      <c r="R24" s="8"/>
      <c r="T24" s="60" t="s">
        <v>658</v>
      </c>
      <c r="U24" s="1">
        <v>30</v>
      </c>
      <c r="V24" s="3"/>
      <c r="W24" s="4"/>
      <c r="X24" s="5"/>
      <c r="Y24" s="6"/>
      <c r="Z24" s="4"/>
      <c r="AA24" s="4"/>
      <c r="AB24" s="4"/>
      <c r="AC24" s="5"/>
      <c r="AD24" s="6"/>
      <c r="AE24" s="4"/>
      <c r="AF24" s="4"/>
      <c r="AG24" s="4"/>
      <c r="AH24" s="5"/>
      <c r="AI24" s="3"/>
      <c r="AJ24" s="51"/>
      <c r="AK24" s="8"/>
    </row>
    <row r="25" spans="1:37" x14ac:dyDescent="0.2">
      <c r="A25" s="58" t="s">
        <v>699</v>
      </c>
      <c r="B25" s="10">
        <v>44</v>
      </c>
      <c r="C25" s="12"/>
      <c r="D25" s="13"/>
      <c r="E25" s="14"/>
      <c r="F25" s="15"/>
      <c r="G25" s="13"/>
      <c r="H25" s="13"/>
      <c r="I25" s="13"/>
      <c r="J25" s="14"/>
      <c r="K25" s="15"/>
      <c r="L25" s="13"/>
      <c r="M25" s="13"/>
      <c r="N25" s="13"/>
      <c r="O25" s="14"/>
      <c r="P25" s="12"/>
      <c r="Q25" s="52"/>
      <c r="R25" s="18"/>
      <c r="T25" s="58" t="s">
        <v>657</v>
      </c>
      <c r="U25" s="10">
        <v>44</v>
      </c>
      <c r="V25" s="17"/>
      <c r="W25" s="13"/>
      <c r="X25" s="14"/>
      <c r="Y25" s="15"/>
      <c r="Z25" s="13"/>
      <c r="AA25" s="13"/>
      <c r="AB25" s="13"/>
      <c r="AC25" s="14"/>
      <c r="AD25" s="15"/>
      <c r="AE25" s="13"/>
      <c r="AF25" s="13"/>
      <c r="AG25" s="13"/>
      <c r="AH25" s="14"/>
      <c r="AI25" s="12"/>
      <c r="AJ25" s="52"/>
      <c r="AK25" s="18"/>
    </row>
    <row r="26" spans="1:37" x14ac:dyDescent="0.2">
      <c r="A26" s="58" t="s">
        <v>698</v>
      </c>
      <c r="B26" s="10">
        <v>44</v>
      </c>
      <c r="C26" s="12"/>
      <c r="D26" s="13"/>
      <c r="E26" s="14"/>
      <c r="F26" s="15"/>
      <c r="G26" s="13"/>
      <c r="H26" s="13"/>
      <c r="I26" s="13"/>
      <c r="J26" s="14"/>
      <c r="K26" s="15"/>
      <c r="L26" s="13"/>
      <c r="M26" s="13"/>
      <c r="N26" s="13"/>
      <c r="O26" s="14"/>
      <c r="P26" s="12"/>
      <c r="Q26" s="52"/>
      <c r="R26" s="18"/>
      <c r="T26" s="58" t="s">
        <v>123</v>
      </c>
      <c r="U26" s="10" t="s">
        <v>259</v>
      </c>
      <c r="V26" s="12"/>
      <c r="W26" s="13"/>
      <c r="X26" s="14"/>
      <c r="Y26" s="15"/>
      <c r="Z26" s="13"/>
      <c r="AA26" s="13"/>
      <c r="AB26" s="13"/>
      <c r="AC26" s="14" t="s">
        <v>0</v>
      </c>
      <c r="AD26" s="15" t="s">
        <v>0</v>
      </c>
      <c r="AE26" s="13"/>
      <c r="AF26" s="13"/>
      <c r="AG26" s="13"/>
      <c r="AH26" s="14"/>
      <c r="AI26" s="12"/>
      <c r="AJ26" s="52">
        <v>8</v>
      </c>
      <c r="AK26" s="18"/>
    </row>
    <row r="27" spans="1:37" x14ac:dyDescent="0.2">
      <c r="A27" s="61">
        <v>701</v>
      </c>
      <c r="B27" s="10" t="s">
        <v>259</v>
      </c>
      <c r="C27" s="17"/>
      <c r="D27" s="13"/>
      <c r="E27" s="14"/>
      <c r="F27" s="15"/>
      <c r="G27" s="13"/>
      <c r="H27" s="13"/>
      <c r="I27" s="13"/>
      <c r="J27" s="14"/>
      <c r="K27" s="15"/>
      <c r="L27" s="13"/>
      <c r="M27" s="13"/>
      <c r="N27" s="13"/>
      <c r="O27" s="14" t="s">
        <v>0</v>
      </c>
      <c r="P27" s="12"/>
      <c r="Q27" s="52">
        <v>4</v>
      </c>
      <c r="R27" s="18"/>
      <c r="T27" s="58" t="s">
        <v>656</v>
      </c>
      <c r="U27" s="10">
        <v>76</v>
      </c>
      <c r="V27" s="17"/>
      <c r="W27" s="13"/>
      <c r="X27" s="14"/>
      <c r="Y27" s="15"/>
      <c r="Z27" s="13"/>
      <c r="AA27" s="13"/>
      <c r="AB27" s="13"/>
      <c r="AC27" s="14"/>
      <c r="AD27" s="15"/>
      <c r="AE27" s="13"/>
      <c r="AF27" s="13"/>
      <c r="AG27" s="13"/>
      <c r="AH27" s="14"/>
      <c r="AI27" s="12"/>
      <c r="AJ27" s="52"/>
      <c r="AK27" s="18"/>
    </row>
    <row r="28" spans="1:37" x14ac:dyDescent="0.2">
      <c r="A28" s="59" t="s">
        <v>697</v>
      </c>
      <c r="B28" s="20">
        <v>44</v>
      </c>
      <c r="C28" s="22"/>
      <c r="D28" s="23"/>
      <c r="E28" s="24"/>
      <c r="F28" s="25"/>
      <c r="G28" s="23"/>
      <c r="H28" s="23"/>
      <c r="I28" s="23"/>
      <c r="J28" s="24"/>
      <c r="K28" s="25"/>
      <c r="L28" s="23"/>
      <c r="M28" s="23"/>
      <c r="N28" s="23"/>
      <c r="O28" s="24"/>
      <c r="P28" s="22"/>
      <c r="Q28" s="53"/>
      <c r="R28" s="27"/>
      <c r="T28" s="59" t="s">
        <v>655</v>
      </c>
      <c r="U28" s="20">
        <v>40</v>
      </c>
      <c r="V28" s="26"/>
      <c r="W28" s="23"/>
      <c r="X28" s="24"/>
      <c r="Y28" s="25"/>
      <c r="Z28" s="23"/>
      <c r="AA28" s="23"/>
      <c r="AB28" s="23"/>
      <c r="AC28" s="24"/>
      <c r="AD28" s="25"/>
      <c r="AE28" s="23"/>
      <c r="AF28" s="23"/>
      <c r="AG28" s="23"/>
      <c r="AH28" s="24"/>
      <c r="AI28" s="22"/>
      <c r="AJ28" s="53"/>
      <c r="AK28" s="27"/>
    </row>
    <row r="29" spans="1:37" x14ac:dyDescent="0.2">
      <c r="A29" s="60" t="s">
        <v>696</v>
      </c>
      <c r="B29" s="1">
        <v>46</v>
      </c>
      <c r="C29" s="3"/>
      <c r="D29" s="4"/>
      <c r="E29" s="5"/>
      <c r="F29" s="6"/>
      <c r="G29" s="4"/>
      <c r="H29" s="4"/>
      <c r="I29" s="4"/>
      <c r="J29" s="5"/>
      <c r="K29" s="6"/>
      <c r="L29" s="4"/>
      <c r="M29" s="4"/>
      <c r="N29" s="4"/>
      <c r="O29" s="5"/>
      <c r="P29" s="3"/>
      <c r="Q29" s="51"/>
      <c r="R29" s="8"/>
      <c r="T29" s="60" t="s">
        <v>124</v>
      </c>
      <c r="U29" s="1" t="s">
        <v>259</v>
      </c>
      <c r="V29" s="3"/>
      <c r="W29" s="4"/>
      <c r="X29" s="5"/>
      <c r="Y29" s="6"/>
      <c r="Z29" s="4"/>
      <c r="AA29" s="4"/>
      <c r="AB29" s="4"/>
      <c r="AC29" s="5" t="s">
        <v>0</v>
      </c>
      <c r="AD29" s="6"/>
      <c r="AE29" s="4"/>
      <c r="AF29" s="4"/>
      <c r="AG29" s="4"/>
      <c r="AH29" s="5"/>
      <c r="AI29" s="3"/>
      <c r="AJ29" s="51">
        <v>4</v>
      </c>
      <c r="AK29" s="8"/>
    </row>
    <row r="30" spans="1:37" x14ac:dyDescent="0.2">
      <c r="A30" s="58" t="s">
        <v>695</v>
      </c>
      <c r="B30" s="10">
        <v>31</v>
      </c>
      <c r="C30" s="12"/>
      <c r="D30" s="13"/>
      <c r="E30" s="14"/>
      <c r="F30" s="15"/>
      <c r="G30" s="13"/>
      <c r="H30" s="13"/>
      <c r="I30" s="13"/>
      <c r="J30" s="14"/>
      <c r="K30" s="15"/>
      <c r="L30" s="13"/>
      <c r="M30" s="13"/>
      <c r="N30" s="13"/>
      <c r="O30" s="14"/>
      <c r="P30" s="12"/>
      <c r="Q30" s="52"/>
      <c r="R30" s="18"/>
      <c r="T30" s="58" t="s">
        <v>654</v>
      </c>
      <c r="U30" s="10">
        <v>49</v>
      </c>
      <c r="V30" s="12"/>
      <c r="W30" s="13"/>
      <c r="X30" s="14"/>
      <c r="Y30" s="15"/>
      <c r="Z30" s="13"/>
      <c r="AA30" s="13"/>
      <c r="AB30" s="13"/>
      <c r="AC30" s="14"/>
      <c r="AD30" s="15"/>
      <c r="AE30" s="13"/>
      <c r="AF30" s="13"/>
      <c r="AG30" s="13"/>
      <c r="AH30" s="14"/>
      <c r="AI30" s="12"/>
      <c r="AJ30" s="52"/>
      <c r="AK30" s="18"/>
    </row>
    <row r="31" spans="1:37" x14ac:dyDescent="0.2">
      <c r="A31" s="58" t="s">
        <v>694</v>
      </c>
      <c r="B31" s="10">
        <v>44</v>
      </c>
      <c r="C31" s="12"/>
      <c r="D31" s="13"/>
      <c r="E31" s="14"/>
      <c r="F31" s="15"/>
      <c r="G31" s="13"/>
      <c r="H31" s="13"/>
      <c r="I31" s="13"/>
      <c r="J31" s="14"/>
      <c r="K31" s="15"/>
      <c r="L31" s="13"/>
      <c r="M31" s="13"/>
      <c r="N31" s="13"/>
      <c r="O31" s="14"/>
      <c r="P31" s="12"/>
      <c r="Q31" s="52"/>
      <c r="R31" s="18"/>
      <c r="T31" s="58" t="s">
        <v>653</v>
      </c>
      <c r="U31" s="10">
        <v>49</v>
      </c>
      <c r="V31" s="12"/>
      <c r="W31" s="13"/>
      <c r="X31" s="14"/>
      <c r="Y31" s="15"/>
      <c r="Z31" s="13"/>
      <c r="AA31" s="13"/>
      <c r="AB31" s="13"/>
      <c r="AC31" s="14"/>
      <c r="AD31" s="15"/>
      <c r="AE31" s="13"/>
      <c r="AF31" s="13"/>
      <c r="AG31" s="13"/>
      <c r="AH31" s="14"/>
      <c r="AI31" s="12"/>
      <c r="AJ31" s="52"/>
      <c r="AK31" s="18"/>
    </row>
    <row r="32" spans="1:37" x14ac:dyDescent="0.2">
      <c r="A32" s="61" t="s">
        <v>118</v>
      </c>
      <c r="B32" s="10" t="s">
        <v>259</v>
      </c>
      <c r="C32" s="12"/>
      <c r="D32" s="13"/>
      <c r="E32" s="14"/>
      <c r="F32" s="15"/>
      <c r="G32" s="13"/>
      <c r="H32" s="13"/>
      <c r="I32" s="13"/>
      <c r="J32" s="14"/>
      <c r="K32" s="15"/>
      <c r="L32" s="13"/>
      <c r="M32" s="13" t="s">
        <v>0</v>
      </c>
      <c r="N32" s="13"/>
      <c r="O32" s="14"/>
      <c r="P32" s="12"/>
      <c r="Q32" s="52">
        <v>4</v>
      </c>
      <c r="R32" s="18"/>
      <c r="T32" s="58" t="s">
        <v>652</v>
      </c>
      <c r="U32" s="10">
        <v>63</v>
      </c>
      <c r="V32" s="12"/>
      <c r="W32" s="13"/>
      <c r="X32" s="14"/>
      <c r="Y32" s="15"/>
      <c r="Z32" s="13"/>
      <c r="AA32" s="13"/>
      <c r="AB32" s="13"/>
      <c r="AC32" s="14"/>
      <c r="AD32" s="15"/>
      <c r="AE32" s="13"/>
      <c r="AF32" s="13"/>
      <c r="AG32" s="13"/>
      <c r="AH32" s="14"/>
      <c r="AI32" s="12"/>
      <c r="AJ32" s="52"/>
      <c r="AK32" s="18"/>
    </row>
    <row r="33" spans="1:37" x14ac:dyDescent="0.2">
      <c r="A33" s="59" t="s">
        <v>693</v>
      </c>
      <c r="B33" s="20">
        <v>44</v>
      </c>
      <c r="C33" s="22"/>
      <c r="D33" s="23"/>
      <c r="E33" s="24"/>
      <c r="F33" s="25"/>
      <c r="G33" s="23"/>
      <c r="H33" s="23"/>
      <c r="I33" s="23"/>
      <c r="J33" s="24"/>
      <c r="K33" s="25"/>
      <c r="L33" s="23"/>
      <c r="M33" s="23"/>
      <c r="N33" s="23"/>
      <c r="O33" s="24"/>
      <c r="P33" s="22"/>
      <c r="Q33" s="53"/>
      <c r="R33" s="27"/>
      <c r="T33" s="59" t="s">
        <v>651</v>
      </c>
      <c r="U33" s="20">
        <v>32</v>
      </c>
      <c r="V33" s="22"/>
      <c r="W33" s="23"/>
      <c r="X33" s="24"/>
      <c r="Y33" s="25"/>
      <c r="Z33" s="23"/>
      <c r="AA33" s="23"/>
      <c r="AB33" s="23"/>
      <c r="AC33" s="24"/>
      <c r="AD33" s="25"/>
      <c r="AE33" s="23"/>
      <c r="AF33" s="23"/>
      <c r="AG33" s="23"/>
      <c r="AH33" s="24"/>
      <c r="AI33" s="22"/>
      <c r="AJ33" s="53"/>
      <c r="AK33" s="27"/>
    </row>
    <row r="34" spans="1:37" x14ac:dyDescent="0.2">
      <c r="A34" s="60" t="s">
        <v>692</v>
      </c>
      <c r="B34" s="1">
        <v>44</v>
      </c>
      <c r="C34" s="3"/>
      <c r="D34" s="4"/>
      <c r="E34" s="5"/>
      <c r="F34" s="6"/>
      <c r="G34" s="4"/>
      <c r="H34" s="4"/>
      <c r="I34" s="4"/>
      <c r="J34" s="5"/>
      <c r="K34" s="6"/>
      <c r="L34" s="4"/>
      <c r="M34" s="4"/>
      <c r="N34" s="4"/>
      <c r="O34" s="5"/>
      <c r="P34" s="3"/>
      <c r="Q34" s="51"/>
      <c r="R34" s="8"/>
      <c r="T34" s="60" t="s">
        <v>650</v>
      </c>
      <c r="U34" s="1">
        <v>40</v>
      </c>
      <c r="V34" s="7"/>
      <c r="W34" s="4"/>
      <c r="X34" s="5"/>
      <c r="Y34" s="6"/>
      <c r="Z34" s="4"/>
      <c r="AA34" s="4"/>
      <c r="AB34" s="4"/>
      <c r="AC34" s="5"/>
      <c r="AD34" s="6"/>
      <c r="AE34" s="4"/>
      <c r="AF34" s="4"/>
      <c r="AG34" s="4"/>
      <c r="AH34" s="5"/>
      <c r="AI34" s="3"/>
      <c r="AJ34" s="51"/>
      <c r="AK34" s="8"/>
    </row>
    <row r="35" spans="1:37" x14ac:dyDescent="0.2">
      <c r="A35" s="58" t="s">
        <v>691</v>
      </c>
      <c r="B35" s="10">
        <v>44</v>
      </c>
      <c r="C35" s="12"/>
      <c r="D35" s="13"/>
      <c r="E35" s="14"/>
      <c r="F35" s="15"/>
      <c r="G35" s="13"/>
      <c r="H35" s="13"/>
      <c r="I35" s="13"/>
      <c r="J35" s="14"/>
      <c r="K35" s="15"/>
      <c r="L35" s="13"/>
      <c r="M35" s="13"/>
      <c r="N35" s="13"/>
      <c r="O35" s="14"/>
      <c r="P35" s="12"/>
      <c r="Q35" s="52"/>
      <c r="R35" s="18"/>
      <c r="T35" s="58" t="s">
        <v>649</v>
      </c>
      <c r="U35" s="10">
        <v>36</v>
      </c>
      <c r="V35" s="12"/>
      <c r="W35" s="13"/>
      <c r="X35" s="14"/>
      <c r="Y35" s="15"/>
      <c r="Z35" s="13"/>
      <c r="AA35" s="13"/>
      <c r="AB35" s="13"/>
      <c r="AC35" s="14"/>
      <c r="AD35" s="15"/>
      <c r="AE35" s="13"/>
      <c r="AF35" s="13"/>
      <c r="AG35" s="13"/>
      <c r="AH35" s="14"/>
      <c r="AI35" s="12"/>
      <c r="AJ35" s="52"/>
      <c r="AK35" s="18"/>
    </row>
    <row r="36" spans="1:37" x14ac:dyDescent="0.2">
      <c r="A36" s="58" t="s">
        <v>690</v>
      </c>
      <c r="B36" s="10">
        <v>37</v>
      </c>
      <c r="C36" s="12"/>
      <c r="D36" s="13"/>
      <c r="E36" s="14"/>
      <c r="F36" s="15"/>
      <c r="G36" s="13"/>
      <c r="H36" s="13"/>
      <c r="I36" s="13"/>
      <c r="J36" s="14"/>
      <c r="K36" s="15"/>
      <c r="L36" s="13"/>
      <c r="M36" s="13"/>
      <c r="N36" s="13"/>
      <c r="O36" s="14"/>
      <c r="P36" s="12"/>
      <c r="Q36" s="52"/>
      <c r="R36" s="18"/>
      <c r="T36" s="58" t="s">
        <v>125</v>
      </c>
      <c r="U36" s="10" t="s">
        <v>259</v>
      </c>
      <c r="V36" s="17"/>
      <c r="W36" s="13"/>
      <c r="X36" s="14"/>
      <c r="Y36" s="15"/>
      <c r="Z36" s="13"/>
      <c r="AA36" s="13"/>
      <c r="AB36" s="13"/>
      <c r="AC36" s="14"/>
      <c r="AD36" s="15"/>
      <c r="AE36" s="13" t="s">
        <v>0</v>
      </c>
      <c r="AF36" s="13"/>
      <c r="AG36" s="13"/>
      <c r="AH36" s="14" t="s">
        <v>0</v>
      </c>
      <c r="AI36" s="12"/>
      <c r="AJ36" s="52">
        <v>8</v>
      </c>
      <c r="AK36" s="18"/>
    </row>
    <row r="37" spans="1:37" x14ac:dyDescent="0.2">
      <c r="A37" s="61" t="s">
        <v>689</v>
      </c>
      <c r="B37" s="10">
        <v>40</v>
      </c>
      <c r="C37" s="12"/>
      <c r="D37" s="13"/>
      <c r="E37" s="14"/>
      <c r="F37" s="15"/>
      <c r="G37" s="13"/>
      <c r="H37" s="13"/>
      <c r="I37" s="13"/>
      <c r="J37" s="14"/>
      <c r="K37" s="15"/>
      <c r="L37" s="13"/>
      <c r="M37" s="13"/>
      <c r="N37" s="13"/>
      <c r="O37" s="14"/>
      <c r="P37" s="12"/>
      <c r="Q37" s="52"/>
      <c r="R37" s="18"/>
      <c r="T37" s="58" t="s">
        <v>648</v>
      </c>
      <c r="U37" s="10">
        <v>40</v>
      </c>
      <c r="V37" s="12"/>
      <c r="W37" s="13"/>
      <c r="X37" s="14"/>
      <c r="Y37" s="15"/>
      <c r="Z37" s="13"/>
      <c r="AA37" s="13"/>
      <c r="AB37" s="13"/>
      <c r="AC37" s="14"/>
      <c r="AD37" s="15"/>
      <c r="AE37" s="13"/>
      <c r="AF37" s="13"/>
      <c r="AG37" s="13"/>
      <c r="AH37" s="14"/>
      <c r="AI37" s="12"/>
      <c r="AJ37" s="52"/>
      <c r="AK37" s="18"/>
    </row>
    <row r="38" spans="1:37" x14ac:dyDescent="0.2">
      <c r="A38" s="59">
        <v>710</v>
      </c>
      <c r="B38" s="20" t="s">
        <v>259</v>
      </c>
      <c r="C38" s="22"/>
      <c r="D38" s="23"/>
      <c r="E38" s="24"/>
      <c r="F38" s="25"/>
      <c r="G38" s="23"/>
      <c r="H38" s="23" t="s">
        <v>1</v>
      </c>
      <c r="I38" s="23"/>
      <c r="J38" s="24"/>
      <c r="K38" s="25"/>
      <c r="L38" s="23"/>
      <c r="M38" s="23"/>
      <c r="N38" s="23"/>
      <c r="O38" s="24"/>
      <c r="P38" s="22"/>
      <c r="Q38" s="53">
        <v>4</v>
      </c>
      <c r="R38" s="27"/>
      <c r="T38" s="59" t="s">
        <v>647</v>
      </c>
      <c r="U38" s="20">
        <v>66</v>
      </c>
      <c r="V38" s="22"/>
      <c r="W38" s="23"/>
      <c r="X38" s="24"/>
      <c r="Y38" s="25"/>
      <c r="Z38" s="23"/>
      <c r="AA38" s="23"/>
      <c r="AB38" s="23"/>
      <c r="AC38" s="24"/>
      <c r="AD38" s="25"/>
      <c r="AE38" s="23"/>
      <c r="AF38" s="23"/>
      <c r="AG38" s="23"/>
      <c r="AH38" s="24"/>
      <c r="AI38" s="22"/>
      <c r="AJ38" s="53"/>
      <c r="AK38" s="27"/>
    </row>
    <row r="39" spans="1:37" x14ac:dyDescent="0.2">
      <c r="A39" s="60" t="s">
        <v>688</v>
      </c>
      <c r="B39" s="1">
        <v>41</v>
      </c>
      <c r="C39" s="7"/>
      <c r="D39" s="4"/>
      <c r="E39" s="5"/>
      <c r="F39" s="6"/>
      <c r="G39" s="4"/>
      <c r="H39" s="4"/>
      <c r="I39" s="4"/>
      <c r="J39" s="5"/>
      <c r="K39" s="6"/>
      <c r="L39" s="4"/>
      <c r="M39" s="4"/>
      <c r="N39" s="4"/>
      <c r="O39" s="5"/>
      <c r="P39" s="3"/>
      <c r="Q39" s="51"/>
      <c r="R39" s="8"/>
      <c r="T39" s="57" t="s">
        <v>126</v>
      </c>
      <c r="U39" s="1" t="s">
        <v>259</v>
      </c>
      <c r="V39" s="3"/>
      <c r="W39" s="4"/>
      <c r="X39" s="5"/>
      <c r="Y39" s="6"/>
      <c r="Z39" s="4"/>
      <c r="AA39" s="4"/>
      <c r="AB39" s="4"/>
      <c r="AC39" s="5"/>
      <c r="AD39" s="6"/>
      <c r="AE39" s="4" t="s">
        <v>0</v>
      </c>
      <c r="AF39" s="4"/>
      <c r="AG39" s="4"/>
      <c r="AH39" s="5"/>
      <c r="AI39" s="3"/>
      <c r="AJ39" s="51">
        <v>4</v>
      </c>
      <c r="AK39" s="8"/>
    </row>
    <row r="40" spans="1:37" x14ac:dyDescent="0.2">
      <c r="A40" s="58" t="s">
        <v>687</v>
      </c>
      <c r="B40" s="10">
        <v>44</v>
      </c>
      <c r="C40" s="17"/>
      <c r="D40" s="13"/>
      <c r="E40" s="14"/>
      <c r="F40" s="15"/>
      <c r="G40" s="13"/>
      <c r="H40" s="13"/>
      <c r="I40" s="13"/>
      <c r="J40" s="14"/>
      <c r="K40" s="15"/>
      <c r="L40" s="13"/>
      <c r="M40" s="13"/>
      <c r="N40" s="13"/>
      <c r="O40" s="14"/>
      <c r="P40" s="12"/>
      <c r="Q40" s="52"/>
      <c r="R40" s="18"/>
      <c r="T40" s="58" t="s">
        <v>646</v>
      </c>
      <c r="U40" s="10">
        <v>31</v>
      </c>
      <c r="V40" s="12"/>
      <c r="W40" s="13"/>
      <c r="X40" s="14"/>
      <c r="Y40" s="15"/>
      <c r="Z40" s="13"/>
      <c r="AA40" s="13"/>
      <c r="AB40" s="13"/>
      <c r="AC40" s="14"/>
      <c r="AD40" s="15"/>
      <c r="AE40" s="13"/>
      <c r="AF40" s="13"/>
      <c r="AG40" s="13"/>
      <c r="AH40" s="14"/>
      <c r="AI40" s="12"/>
      <c r="AJ40" s="52"/>
      <c r="AK40" s="18"/>
    </row>
    <row r="41" spans="1:37" x14ac:dyDescent="0.2">
      <c r="A41" s="58" t="s">
        <v>686</v>
      </c>
      <c r="B41" s="10">
        <v>31</v>
      </c>
      <c r="C41" s="17"/>
      <c r="D41" s="13"/>
      <c r="E41" s="14"/>
      <c r="F41" s="15"/>
      <c r="G41" s="13"/>
      <c r="H41" s="13"/>
      <c r="I41" s="13"/>
      <c r="J41" s="14"/>
      <c r="K41" s="15"/>
      <c r="L41" s="13"/>
      <c r="M41" s="13"/>
      <c r="N41" s="13"/>
      <c r="O41" s="14"/>
      <c r="P41" s="12"/>
      <c r="Q41" s="52"/>
      <c r="R41" s="18"/>
      <c r="T41" s="58" t="s">
        <v>645</v>
      </c>
      <c r="U41" s="10">
        <v>44</v>
      </c>
      <c r="V41" s="17"/>
      <c r="W41" s="13"/>
      <c r="X41" s="14"/>
      <c r="Y41" s="15"/>
      <c r="Z41" s="13"/>
      <c r="AA41" s="13"/>
      <c r="AB41" s="13"/>
      <c r="AC41" s="14"/>
      <c r="AD41" s="15"/>
      <c r="AE41" s="13"/>
      <c r="AF41" s="13"/>
      <c r="AG41" s="13"/>
      <c r="AH41" s="14"/>
      <c r="AI41" s="12"/>
      <c r="AJ41" s="52"/>
      <c r="AK41" s="18"/>
    </row>
    <row r="42" spans="1:37" x14ac:dyDescent="0.2">
      <c r="A42" s="58" t="s">
        <v>685</v>
      </c>
      <c r="B42" s="10">
        <v>44</v>
      </c>
      <c r="C42" s="17"/>
      <c r="D42" s="13"/>
      <c r="E42" s="14"/>
      <c r="F42" s="15"/>
      <c r="G42" s="13"/>
      <c r="H42" s="13"/>
      <c r="I42" s="13"/>
      <c r="J42" s="14"/>
      <c r="K42" s="15"/>
      <c r="L42" s="13"/>
      <c r="M42" s="13"/>
      <c r="N42" s="13"/>
      <c r="O42" s="14"/>
      <c r="P42" s="12"/>
      <c r="Q42" s="52"/>
      <c r="R42" s="18"/>
      <c r="T42" s="58" t="s">
        <v>644</v>
      </c>
      <c r="U42" s="10">
        <v>49</v>
      </c>
      <c r="V42" s="12"/>
      <c r="W42" s="13"/>
      <c r="X42" s="14"/>
      <c r="Y42" s="15"/>
      <c r="Z42" s="13"/>
      <c r="AA42" s="13"/>
      <c r="AB42" s="13"/>
      <c r="AC42" s="14"/>
      <c r="AD42" s="15"/>
      <c r="AE42" s="13"/>
      <c r="AF42" s="13"/>
      <c r="AG42" s="13"/>
      <c r="AH42" s="14"/>
      <c r="AI42" s="12"/>
      <c r="AJ42" s="52"/>
      <c r="AK42" s="18"/>
    </row>
    <row r="43" spans="1:37" x14ac:dyDescent="0.2">
      <c r="A43" s="59" t="s">
        <v>684</v>
      </c>
      <c r="B43" s="20">
        <v>36</v>
      </c>
      <c r="C43" s="26"/>
      <c r="D43" s="23"/>
      <c r="E43" s="24"/>
      <c r="F43" s="25"/>
      <c r="G43" s="23"/>
      <c r="H43" s="23"/>
      <c r="I43" s="23"/>
      <c r="J43" s="24"/>
      <c r="K43" s="25"/>
      <c r="L43" s="23"/>
      <c r="M43" s="23"/>
      <c r="N43" s="23"/>
      <c r="O43" s="24"/>
      <c r="P43" s="22"/>
      <c r="Q43" s="53"/>
      <c r="R43" s="27"/>
      <c r="T43" s="59" t="s">
        <v>643</v>
      </c>
      <c r="U43" s="20">
        <v>44</v>
      </c>
      <c r="V43" s="26"/>
      <c r="W43" s="23"/>
      <c r="X43" s="24"/>
      <c r="Y43" s="25"/>
      <c r="Z43" s="23"/>
      <c r="AA43" s="23"/>
      <c r="AB43" s="23"/>
      <c r="AC43" s="24"/>
      <c r="AD43" s="25"/>
      <c r="AE43" s="23"/>
      <c r="AF43" s="23"/>
      <c r="AG43" s="23"/>
      <c r="AH43" s="24"/>
      <c r="AI43" s="22"/>
      <c r="AJ43" s="53"/>
      <c r="AK43" s="27"/>
    </row>
    <row r="44" spans="1:37" x14ac:dyDescent="0.2">
      <c r="A44" s="60" t="s">
        <v>683</v>
      </c>
      <c r="B44" s="1">
        <v>40</v>
      </c>
      <c r="C44" s="7"/>
      <c r="D44" s="4"/>
      <c r="E44" s="5"/>
      <c r="F44" s="6"/>
      <c r="G44" s="4"/>
      <c r="H44" s="4"/>
      <c r="I44" s="4"/>
      <c r="J44" s="5"/>
      <c r="K44" s="6"/>
      <c r="L44" s="4"/>
      <c r="M44" s="4"/>
      <c r="N44" s="4"/>
      <c r="O44" s="5"/>
      <c r="P44" s="3"/>
      <c r="Q44" s="51"/>
      <c r="R44" s="8"/>
      <c r="T44" s="60" t="s">
        <v>127</v>
      </c>
      <c r="U44" s="1" t="s">
        <v>259</v>
      </c>
      <c r="V44" s="3"/>
      <c r="W44" s="4"/>
      <c r="X44" s="5"/>
      <c r="Y44" s="6"/>
      <c r="Z44" s="4"/>
      <c r="AA44" s="4"/>
      <c r="AB44" s="4"/>
      <c r="AC44" s="5"/>
      <c r="AD44" s="6"/>
      <c r="AE44" s="4" t="s">
        <v>0</v>
      </c>
      <c r="AF44" s="4"/>
      <c r="AG44" s="4"/>
      <c r="AH44" s="5"/>
      <c r="AI44" s="3"/>
      <c r="AJ44" s="51">
        <v>4</v>
      </c>
      <c r="AK44" s="8"/>
    </row>
    <row r="45" spans="1:37" x14ac:dyDescent="0.2">
      <c r="A45" s="58">
        <v>716</v>
      </c>
      <c r="B45" s="10" t="s">
        <v>259</v>
      </c>
      <c r="C45" s="12"/>
      <c r="D45" s="13"/>
      <c r="E45" s="14"/>
      <c r="F45" s="15"/>
      <c r="G45" s="13"/>
      <c r="H45" s="13"/>
      <c r="I45" s="13"/>
      <c r="J45" s="14"/>
      <c r="K45" s="15" t="s">
        <v>1</v>
      </c>
      <c r="L45" s="13"/>
      <c r="M45" s="13"/>
      <c r="N45" s="13"/>
      <c r="O45" s="14"/>
      <c r="P45" s="12"/>
      <c r="Q45" s="52">
        <v>2</v>
      </c>
      <c r="R45" s="18"/>
      <c r="T45" s="58" t="s">
        <v>642</v>
      </c>
      <c r="U45" s="10">
        <v>50</v>
      </c>
      <c r="V45" s="17"/>
      <c r="W45" s="13"/>
      <c r="X45" s="14"/>
      <c r="Y45" s="15"/>
      <c r="Z45" s="13"/>
      <c r="AA45" s="13"/>
      <c r="AB45" s="13"/>
      <c r="AC45" s="14"/>
      <c r="AD45" s="15"/>
      <c r="AE45" s="13"/>
      <c r="AF45" s="13"/>
      <c r="AG45" s="13"/>
      <c r="AH45" s="14"/>
      <c r="AI45" s="12"/>
      <c r="AJ45" s="52"/>
      <c r="AK45" s="18"/>
    </row>
    <row r="46" spans="1:37" x14ac:dyDescent="0.2">
      <c r="A46" s="58" t="s">
        <v>682</v>
      </c>
      <c r="B46" s="10">
        <v>44</v>
      </c>
      <c r="C46" s="17"/>
      <c r="D46" s="13"/>
      <c r="E46" s="14"/>
      <c r="F46" s="15"/>
      <c r="G46" s="13"/>
      <c r="H46" s="13"/>
      <c r="I46" s="13"/>
      <c r="J46" s="14"/>
      <c r="K46" s="15"/>
      <c r="L46" s="13"/>
      <c r="M46" s="13"/>
      <c r="N46" s="13"/>
      <c r="O46" s="14"/>
      <c r="P46" s="12"/>
      <c r="Q46" s="52"/>
      <c r="R46" s="18"/>
      <c r="T46" s="58" t="s">
        <v>641</v>
      </c>
      <c r="U46" s="10">
        <v>53</v>
      </c>
      <c r="V46" s="12"/>
      <c r="W46" s="13"/>
      <c r="X46" s="14"/>
      <c r="Y46" s="15"/>
      <c r="Z46" s="13"/>
      <c r="AA46" s="13"/>
      <c r="AB46" s="13"/>
      <c r="AC46" s="14"/>
      <c r="AD46" s="15"/>
      <c r="AE46" s="13"/>
      <c r="AF46" s="13"/>
      <c r="AG46" s="13"/>
      <c r="AH46" s="14"/>
      <c r="AI46" s="12"/>
      <c r="AJ46" s="52"/>
      <c r="AK46" s="18"/>
    </row>
    <row r="47" spans="1:37" x14ac:dyDescent="0.2">
      <c r="A47" s="58" t="s">
        <v>119</v>
      </c>
      <c r="B47" s="10" t="s">
        <v>259</v>
      </c>
      <c r="C47" s="12"/>
      <c r="D47" s="13"/>
      <c r="E47" s="14"/>
      <c r="F47" s="15"/>
      <c r="G47" s="13"/>
      <c r="H47" s="13" t="s">
        <v>1</v>
      </c>
      <c r="I47" s="13"/>
      <c r="J47" s="14"/>
      <c r="K47" s="15"/>
      <c r="L47" s="13"/>
      <c r="M47" s="13"/>
      <c r="N47" s="13"/>
      <c r="O47" s="14"/>
      <c r="P47" s="12"/>
      <c r="Q47" s="52">
        <v>1</v>
      </c>
      <c r="R47" s="18"/>
      <c r="T47" s="58" t="s">
        <v>128</v>
      </c>
      <c r="U47" s="10" t="s">
        <v>259</v>
      </c>
      <c r="V47" s="12"/>
      <c r="W47" s="13"/>
      <c r="X47" s="14"/>
      <c r="Y47" s="15"/>
      <c r="Z47" s="13"/>
      <c r="AA47" s="13"/>
      <c r="AB47" s="13"/>
      <c r="AC47" s="14" t="s">
        <v>0</v>
      </c>
      <c r="AD47" s="15"/>
      <c r="AE47" s="13" t="s">
        <v>0</v>
      </c>
      <c r="AF47" s="13"/>
      <c r="AG47" s="13"/>
      <c r="AH47" s="14"/>
      <c r="AI47" s="12"/>
      <c r="AJ47" s="52">
        <v>8</v>
      </c>
      <c r="AK47" s="18"/>
    </row>
    <row r="48" spans="1:37" x14ac:dyDescent="0.2">
      <c r="A48" s="59" t="s">
        <v>681</v>
      </c>
      <c r="B48" s="20">
        <v>31</v>
      </c>
      <c r="C48" s="26"/>
      <c r="D48" s="23"/>
      <c r="E48" s="24"/>
      <c r="F48" s="25"/>
      <c r="G48" s="23"/>
      <c r="H48" s="23"/>
      <c r="I48" s="23"/>
      <c r="J48" s="24"/>
      <c r="K48" s="25"/>
      <c r="L48" s="23"/>
      <c r="M48" s="23"/>
      <c r="N48" s="23"/>
      <c r="O48" s="24"/>
      <c r="P48" s="22"/>
      <c r="Q48" s="53"/>
      <c r="R48" s="27"/>
      <c r="T48" s="59" t="s">
        <v>640</v>
      </c>
      <c r="U48" s="20">
        <v>31</v>
      </c>
      <c r="V48" s="22"/>
      <c r="W48" s="23"/>
      <c r="X48" s="24"/>
      <c r="Y48" s="25"/>
      <c r="Z48" s="23"/>
      <c r="AA48" s="23"/>
      <c r="AB48" s="23"/>
      <c r="AC48" s="24"/>
      <c r="AD48" s="25"/>
      <c r="AE48" s="23"/>
      <c r="AF48" s="23"/>
      <c r="AG48" s="23"/>
      <c r="AH48" s="24"/>
      <c r="AI48" s="22"/>
      <c r="AJ48" s="53"/>
      <c r="AK48" s="27"/>
    </row>
    <row r="49" spans="1:37" x14ac:dyDescent="0.2">
      <c r="A49" s="60" t="s">
        <v>120</v>
      </c>
      <c r="B49" s="1" t="s">
        <v>259</v>
      </c>
      <c r="C49" s="7"/>
      <c r="D49" s="4"/>
      <c r="E49" s="5"/>
      <c r="F49" s="6"/>
      <c r="G49" s="4"/>
      <c r="H49" s="4"/>
      <c r="I49" s="4"/>
      <c r="J49" s="5"/>
      <c r="K49" s="6"/>
      <c r="L49" s="4" t="s">
        <v>0</v>
      </c>
      <c r="M49" s="4"/>
      <c r="N49" s="4"/>
      <c r="O49" s="5"/>
      <c r="P49" s="3"/>
      <c r="Q49" s="51">
        <v>4</v>
      </c>
      <c r="R49" s="8"/>
      <c r="T49" s="60" t="s">
        <v>639</v>
      </c>
      <c r="U49" s="1">
        <v>44</v>
      </c>
      <c r="V49" s="3"/>
      <c r="W49" s="4"/>
      <c r="X49" s="5"/>
      <c r="Y49" s="6"/>
      <c r="Z49" s="4"/>
      <c r="AA49" s="4"/>
      <c r="AB49" s="4"/>
      <c r="AC49" s="5"/>
      <c r="AD49" s="6"/>
      <c r="AE49" s="4"/>
      <c r="AF49" s="4"/>
      <c r="AG49" s="4"/>
      <c r="AH49" s="5"/>
      <c r="AI49" s="3"/>
      <c r="AJ49" s="51"/>
      <c r="AK49" s="8"/>
    </row>
    <row r="50" spans="1:37" x14ac:dyDescent="0.2">
      <c r="A50" s="58" t="s">
        <v>680</v>
      </c>
      <c r="B50" s="10">
        <v>48</v>
      </c>
      <c r="C50" s="17"/>
      <c r="D50" s="13"/>
      <c r="E50" s="14"/>
      <c r="F50" s="15"/>
      <c r="G50" s="13"/>
      <c r="H50" s="13"/>
      <c r="I50" s="13"/>
      <c r="J50" s="14"/>
      <c r="K50" s="15"/>
      <c r="L50" s="13"/>
      <c r="M50" s="13"/>
      <c r="N50" s="13"/>
      <c r="O50" s="14"/>
      <c r="P50" s="12"/>
      <c r="Q50" s="52"/>
      <c r="R50" s="18"/>
      <c r="T50" s="58" t="s">
        <v>638</v>
      </c>
      <c r="U50" s="10">
        <v>40</v>
      </c>
      <c r="V50" s="17"/>
      <c r="W50" s="13"/>
      <c r="X50" s="14"/>
      <c r="Y50" s="15"/>
      <c r="Z50" s="13"/>
      <c r="AA50" s="13"/>
      <c r="AB50" s="13"/>
      <c r="AC50" s="14"/>
      <c r="AD50" s="15"/>
      <c r="AE50" s="13"/>
      <c r="AF50" s="13"/>
      <c r="AG50" s="13"/>
      <c r="AH50" s="14"/>
      <c r="AI50" s="12"/>
      <c r="AJ50" s="52"/>
      <c r="AK50" s="18"/>
    </row>
    <row r="51" spans="1:37" x14ac:dyDescent="0.2">
      <c r="A51" s="58" t="s">
        <v>679</v>
      </c>
      <c r="B51" s="10">
        <v>36</v>
      </c>
      <c r="C51" s="17"/>
      <c r="D51" s="13"/>
      <c r="E51" s="14"/>
      <c r="F51" s="15"/>
      <c r="G51" s="13"/>
      <c r="H51" s="13"/>
      <c r="I51" s="13"/>
      <c r="J51" s="14"/>
      <c r="K51" s="15"/>
      <c r="L51" s="13"/>
      <c r="M51" s="13"/>
      <c r="N51" s="13"/>
      <c r="O51" s="14"/>
      <c r="P51" s="12"/>
      <c r="Q51" s="52"/>
      <c r="R51" s="18"/>
      <c r="T51" s="58">
        <v>761</v>
      </c>
      <c r="U51" s="10" t="s">
        <v>259</v>
      </c>
      <c r="V51" s="12"/>
      <c r="W51" s="13"/>
      <c r="X51" s="14"/>
      <c r="Y51" s="15"/>
      <c r="Z51" s="13"/>
      <c r="AA51" s="13"/>
      <c r="AB51" s="13"/>
      <c r="AC51" s="14"/>
      <c r="AD51" s="15"/>
      <c r="AE51" s="13"/>
      <c r="AF51" s="13"/>
      <c r="AG51" s="13" t="s">
        <v>1</v>
      </c>
      <c r="AH51" s="14"/>
      <c r="AI51" s="12"/>
      <c r="AJ51" s="52">
        <v>8</v>
      </c>
      <c r="AK51" s="18"/>
    </row>
    <row r="52" spans="1:37" x14ac:dyDescent="0.2">
      <c r="A52" s="58" t="s">
        <v>678</v>
      </c>
      <c r="B52" s="10">
        <v>40</v>
      </c>
      <c r="C52" s="17"/>
      <c r="D52" s="13"/>
      <c r="E52" s="14"/>
      <c r="F52" s="15"/>
      <c r="G52" s="13"/>
      <c r="H52" s="13"/>
      <c r="I52" s="13"/>
      <c r="J52" s="14"/>
      <c r="K52" s="15"/>
      <c r="L52" s="13"/>
      <c r="M52" s="13"/>
      <c r="N52" s="13"/>
      <c r="O52" s="14"/>
      <c r="P52" s="12"/>
      <c r="Q52" s="52"/>
      <c r="R52" s="18"/>
      <c r="T52" s="58" t="s">
        <v>637</v>
      </c>
      <c r="U52" s="10">
        <v>44</v>
      </c>
      <c r="V52" s="12"/>
      <c r="W52" s="13"/>
      <c r="X52" s="14"/>
      <c r="Y52" s="15"/>
      <c r="Z52" s="13"/>
      <c r="AA52" s="13"/>
      <c r="AB52" s="13"/>
      <c r="AC52" s="14"/>
      <c r="AD52" s="15"/>
      <c r="AE52" s="13"/>
      <c r="AF52" s="13"/>
      <c r="AG52" s="13"/>
      <c r="AH52" s="14"/>
      <c r="AI52" s="12"/>
      <c r="AJ52" s="52"/>
      <c r="AK52" s="18"/>
    </row>
    <row r="53" spans="1:37" x14ac:dyDescent="0.2">
      <c r="A53" s="59" t="s">
        <v>121</v>
      </c>
      <c r="B53" s="20" t="s">
        <v>259</v>
      </c>
      <c r="C53" s="22"/>
      <c r="D53" s="23"/>
      <c r="E53" s="24"/>
      <c r="F53" s="25"/>
      <c r="G53" s="23"/>
      <c r="H53" s="23"/>
      <c r="I53" s="23"/>
      <c r="J53" s="24"/>
      <c r="K53" s="25"/>
      <c r="L53" s="23" t="s">
        <v>0</v>
      </c>
      <c r="M53" s="23"/>
      <c r="N53" s="23"/>
      <c r="O53" s="24"/>
      <c r="P53" s="22"/>
      <c r="Q53" s="53">
        <v>4</v>
      </c>
      <c r="R53" s="27"/>
      <c r="T53" s="59" t="s">
        <v>129</v>
      </c>
      <c r="U53" s="20" t="s">
        <v>259</v>
      </c>
      <c r="V53" s="26"/>
      <c r="W53" s="23"/>
      <c r="X53" s="24"/>
      <c r="Y53" s="25"/>
      <c r="Z53" s="23"/>
      <c r="AA53" s="23"/>
      <c r="AB53" s="23"/>
      <c r="AC53" s="24"/>
      <c r="AD53" s="25"/>
      <c r="AE53" s="23" t="s">
        <v>0</v>
      </c>
      <c r="AF53" s="23"/>
      <c r="AG53" s="23"/>
      <c r="AH53" s="24"/>
      <c r="AI53" s="22"/>
      <c r="AJ53" s="53">
        <v>4</v>
      </c>
      <c r="AK53" s="27"/>
    </row>
    <row r="54" spans="1:37" x14ac:dyDescent="0.2">
      <c r="A54" s="58"/>
      <c r="B54" s="11"/>
      <c r="C54" s="17"/>
      <c r="D54" s="13"/>
      <c r="E54" s="14"/>
      <c r="F54" s="15"/>
      <c r="G54" s="13"/>
      <c r="H54" s="13"/>
      <c r="I54" s="13"/>
      <c r="J54" s="14"/>
      <c r="K54" s="15"/>
      <c r="L54" s="13"/>
      <c r="M54" s="13"/>
      <c r="N54" s="13"/>
      <c r="O54" s="14"/>
      <c r="P54" s="12"/>
      <c r="Q54" s="52"/>
      <c r="R54" s="18"/>
    </row>
    <row r="55" spans="1:37" x14ac:dyDescent="0.2">
      <c r="A55" s="58"/>
      <c r="B55" s="11"/>
      <c r="C55" s="17"/>
      <c r="D55" s="13"/>
      <c r="E55" s="14"/>
      <c r="F55" s="15"/>
      <c r="G55" s="13"/>
      <c r="H55" s="13"/>
      <c r="I55" s="13"/>
      <c r="J55" s="14"/>
      <c r="K55" s="15"/>
      <c r="L55" s="13"/>
      <c r="M55" s="13"/>
      <c r="N55" s="13"/>
      <c r="O55" s="14"/>
      <c r="P55" s="12"/>
      <c r="Q55" s="52"/>
      <c r="R55" s="18"/>
    </row>
    <row r="56" spans="1:37" x14ac:dyDescent="0.2">
      <c r="A56" s="58"/>
      <c r="B56" s="11"/>
      <c r="C56" s="17"/>
      <c r="D56" s="13"/>
      <c r="E56" s="14"/>
      <c r="F56" s="15"/>
      <c r="G56" s="13"/>
      <c r="H56" s="13"/>
      <c r="I56" s="13"/>
      <c r="J56" s="14"/>
      <c r="K56" s="15"/>
      <c r="L56" s="13"/>
      <c r="M56" s="13"/>
      <c r="N56" s="13"/>
      <c r="O56" s="14"/>
      <c r="P56" s="12"/>
      <c r="Q56" s="52"/>
      <c r="R56" s="18"/>
    </row>
    <row r="57" spans="1:37" x14ac:dyDescent="0.2">
      <c r="A57" s="59"/>
      <c r="B57" s="21"/>
      <c r="C57" s="26"/>
      <c r="D57" s="23"/>
      <c r="E57" s="24"/>
      <c r="F57" s="25"/>
      <c r="G57" s="23"/>
      <c r="H57" s="23"/>
      <c r="I57" s="23"/>
      <c r="J57" s="24"/>
      <c r="K57" s="25"/>
      <c r="L57" s="23"/>
      <c r="M57" s="23"/>
      <c r="N57" s="23"/>
      <c r="O57" s="24"/>
      <c r="P57" s="22"/>
      <c r="Q57" s="53"/>
      <c r="R57" s="27"/>
    </row>
    <row r="58" spans="1:37" x14ac:dyDescent="0.2">
      <c r="A58" s="60"/>
      <c r="B58" s="2"/>
      <c r="C58" s="7"/>
      <c r="D58" s="4"/>
      <c r="E58" s="5"/>
      <c r="F58" s="6"/>
      <c r="G58" s="4"/>
      <c r="H58" s="4"/>
      <c r="I58" s="4"/>
      <c r="J58" s="5"/>
      <c r="K58" s="6"/>
      <c r="L58" s="4"/>
      <c r="M58" s="4"/>
      <c r="N58" s="4"/>
      <c r="O58" s="5"/>
      <c r="P58" s="3"/>
      <c r="Q58" s="51"/>
      <c r="R58" s="8"/>
    </row>
    <row r="59" spans="1:37" x14ac:dyDescent="0.2">
      <c r="A59" s="58"/>
      <c r="B59" s="11"/>
      <c r="C59" s="17"/>
      <c r="D59" s="13"/>
      <c r="E59" s="14"/>
      <c r="F59" s="15"/>
      <c r="G59" s="13"/>
      <c r="H59" s="13"/>
      <c r="I59" s="13"/>
      <c r="J59" s="14"/>
      <c r="K59" s="15"/>
      <c r="L59" s="13"/>
      <c r="M59" s="13"/>
      <c r="N59" s="13"/>
      <c r="O59" s="14"/>
      <c r="P59" s="12"/>
      <c r="Q59" s="52"/>
      <c r="R59" s="18"/>
    </row>
    <row r="60" spans="1:37" x14ac:dyDescent="0.2">
      <c r="A60" s="58"/>
      <c r="B60" s="11"/>
      <c r="C60" s="17"/>
      <c r="D60" s="13"/>
      <c r="E60" s="14"/>
      <c r="F60" s="15"/>
      <c r="G60" s="13"/>
      <c r="H60" s="13"/>
      <c r="I60" s="13"/>
      <c r="J60" s="14"/>
      <c r="K60" s="15"/>
      <c r="L60" s="13"/>
      <c r="M60" s="13"/>
      <c r="N60" s="13"/>
      <c r="O60" s="14"/>
      <c r="P60" s="12"/>
      <c r="Q60" s="52"/>
      <c r="R60" s="18"/>
    </row>
    <row r="61" spans="1:37" x14ac:dyDescent="0.2">
      <c r="A61" s="58"/>
      <c r="B61" s="11"/>
      <c r="C61" s="17"/>
      <c r="D61" s="13"/>
      <c r="E61" s="14"/>
      <c r="F61" s="15"/>
      <c r="G61" s="13"/>
      <c r="H61" s="13"/>
      <c r="I61" s="13"/>
      <c r="J61" s="14"/>
      <c r="K61" s="15"/>
      <c r="L61" s="13"/>
      <c r="M61" s="13"/>
      <c r="N61" s="13"/>
      <c r="O61" s="14"/>
      <c r="P61" s="12"/>
      <c r="Q61" s="52"/>
      <c r="R61" s="18"/>
    </row>
    <row r="62" spans="1:37" x14ac:dyDescent="0.2">
      <c r="A62" s="59"/>
      <c r="B62" s="21"/>
      <c r="C62" s="26"/>
      <c r="D62" s="23"/>
      <c r="E62" s="24"/>
      <c r="F62" s="25"/>
      <c r="G62" s="23"/>
      <c r="H62" s="23"/>
      <c r="I62" s="23"/>
      <c r="J62" s="24"/>
      <c r="K62" s="25"/>
      <c r="L62" s="23"/>
      <c r="M62" s="23"/>
      <c r="N62" s="23"/>
      <c r="O62" s="24"/>
      <c r="P62" s="22"/>
      <c r="Q62" s="53"/>
      <c r="R62" s="27"/>
    </row>
    <row r="63" spans="1:37" x14ac:dyDescent="0.2">
      <c r="A63" s="60"/>
      <c r="B63" s="2"/>
      <c r="C63" s="7"/>
      <c r="D63" s="4"/>
      <c r="E63" s="5"/>
      <c r="F63" s="6"/>
      <c r="G63" s="4"/>
      <c r="H63" s="4"/>
      <c r="I63" s="4"/>
      <c r="J63" s="5"/>
      <c r="K63" s="6"/>
      <c r="L63" s="4"/>
      <c r="M63" s="4"/>
      <c r="N63" s="4"/>
      <c r="O63" s="5"/>
      <c r="P63" s="3"/>
      <c r="Q63" s="51"/>
      <c r="R63" s="8"/>
    </row>
    <row r="64" spans="1:37" x14ac:dyDescent="0.2">
      <c r="A64" s="58"/>
      <c r="B64" s="11"/>
      <c r="C64" s="17"/>
      <c r="D64" s="13"/>
      <c r="E64" s="14"/>
      <c r="F64" s="15"/>
      <c r="G64" s="13"/>
      <c r="H64" s="13"/>
      <c r="I64" s="13"/>
      <c r="J64" s="14"/>
      <c r="K64" s="15"/>
      <c r="L64" s="13"/>
      <c r="M64" s="13"/>
      <c r="N64" s="13"/>
      <c r="O64" s="14"/>
      <c r="P64" s="12"/>
      <c r="Q64" s="52"/>
      <c r="R64" s="18"/>
    </row>
    <row r="65" spans="1:18" x14ac:dyDescent="0.2">
      <c r="A65" s="58"/>
      <c r="B65" s="11"/>
      <c r="C65" s="17"/>
      <c r="D65" s="13"/>
      <c r="E65" s="14"/>
      <c r="F65" s="15"/>
      <c r="G65" s="13"/>
      <c r="H65" s="13"/>
      <c r="I65" s="13"/>
      <c r="J65" s="14"/>
      <c r="K65" s="15"/>
      <c r="L65" s="13"/>
      <c r="M65" s="13"/>
      <c r="N65" s="13"/>
      <c r="O65" s="14"/>
      <c r="P65" s="12"/>
      <c r="Q65" s="52"/>
      <c r="R65" s="18"/>
    </row>
    <row r="66" spans="1:18" x14ac:dyDescent="0.2">
      <c r="A66" s="58"/>
      <c r="B66" s="11"/>
      <c r="C66" s="17"/>
      <c r="D66" s="13"/>
      <c r="E66" s="14"/>
      <c r="F66" s="15"/>
      <c r="G66" s="13"/>
      <c r="H66" s="13"/>
      <c r="I66" s="13"/>
      <c r="J66" s="14"/>
      <c r="K66" s="15"/>
      <c r="L66" s="13"/>
      <c r="M66" s="13"/>
      <c r="N66" s="13"/>
      <c r="O66" s="14"/>
      <c r="P66" s="12"/>
      <c r="Q66" s="52"/>
      <c r="R66" s="18"/>
    </row>
    <row r="67" spans="1:18" x14ac:dyDescent="0.2">
      <c r="A67" s="59"/>
      <c r="B67" s="21"/>
      <c r="C67" s="26"/>
      <c r="D67" s="23"/>
      <c r="E67" s="24"/>
      <c r="F67" s="25"/>
      <c r="G67" s="23"/>
      <c r="H67" s="23"/>
      <c r="I67" s="23"/>
      <c r="J67" s="24"/>
      <c r="K67" s="25"/>
      <c r="L67" s="23"/>
      <c r="M67" s="23"/>
      <c r="N67" s="23"/>
      <c r="O67" s="24"/>
      <c r="P67" s="22"/>
      <c r="Q67" s="53"/>
      <c r="R67" s="27"/>
    </row>
  </sheetData>
  <mergeCells count="16">
    <mergeCell ref="T1:AK1"/>
    <mergeCell ref="T2:T3"/>
    <mergeCell ref="U2:U3"/>
    <mergeCell ref="V2:V3"/>
    <mergeCell ref="W2:AH2"/>
    <mergeCell ref="AI2:AI3"/>
    <mergeCell ref="AJ2:AJ3"/>
    <mergeCell ref="AK2:AK3"/>
    <mergeCell ref="A1:R1"/>
    <mergeCell ref="A2:A3"/>
    <mergeCell ref="B2:B3"/>
    <mergeCell ref="C2:C3"/>
    <mergeCell ref="D2:O2"/>
    <mergeCell ref="P2:P3"/>
    <mergeCell ref="Q2:Q3"/>
    <mergeCell ref="R2:R3"/>
  </mergeCells>
  <printOptions horizontalCentered="1"/>
  <pageMargins left="0.15" right="0.15" top="0.75" bottom="0.25" header="0.55000000000000004" footer="0.05"/>
  <pageSetup paperSize="3" scale="95" fitToHeight="40" orientation="portrait" r:id="rId1"/>
  <headerFooter scaleWithDoc="0" alignWithMargins="0">
    <oddHeader>&amp;L&amp;12San Mateo - Hayward Br (Br #35-0054)&amp;C&amp;"-,Bold"&amp;12Defect Schedule&amp;R&amp;12&amp;D</oddHeader>
    <oddFooter>&amp;R&amp;10&amp;P/&amp;N</oddFooter>
  </headerFooter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287CE0B-C188-453A-8FCB-1684EF2EE563}">
  <sheetPr>
    <pageSetUpPr fitToPage="1"/>
  </sheetPr>
  <dimension ref="A1:AK66"/>
  <sheetViews>
    <sheetView view="pageBreakPreview" zoomScaleNormal="130" zoomScaleSheetLayoutView="100" workbookViewId="0">
      <selection sqref="A1:R1"/>
    </sheetView>
  </sheetViews>
  <sheetFormatPr defaultColWidth="8.7109375" defaultRowHeight="11.25" x14ac:dyDescent="0.2"/>
  <cols>
    <col min="1" max="1" width="5.42578125" style="81" customWidth="1"/>
    <col min="2" max="3" width="4.140625" style="75" customWidth="1"/>
    <col min="4" max="4" width="3.7109375" style="82" customWidth="1"/>
    <col min="5" max="5" width="3.7109375" style="83" customWidth="1"/>
    <col min="6" max="6" width="3.7109375" style="84" customWidth="1"/>
    <col min="7" max="9" width="3.7109375" style="82" customWidth="1"/>
    <col min="10" max="10" width="3.7109375" style="83" customWidth="1"/>
    <col min="11" max="11" width="3.7109375" style="84" customWidth="1"/>
    <col min="12" max="14" width="3.7109375" style="82" customWidth="1"/>
    <col min="15" max="15" width="4" style="83" customWidth="1"/>
    <col min="16" max="16" width="3.7109375" style="74" customWidth="1"/>
    <col min="17" max="17" width="3.7109375" style="85" customWidth="1"/>
    <col min="18" max="18" width="3.7109375" style="86" customWidth="1"/>
    <col min="19" max="19" width="3.42578125" style="71" customWidth="1"/>
    <col min="20" max="20" width="5.42578125" style="78" customWidth="1"/>
    <col min="21" max="22" width="4.140625" style="78" customWidth="1"/>
    <col min="23" max="33" width="3.7109375" style="78" customWidth="1"/>
    <col min="34" max="34" width="4" style="78" customWidth="1"/>
    <col min="35" max="37" width="3.7109375" style="78" customWidth="1"/>
    <col min="38" max="38" width="8.7109375" style="78"/>
    <col min="39" max="39" width="6.42578125" style="78" bestFit="1" customWidth="1"/>
    <col min="40" max="40" width="2.7109375" style="78" bestFit="1" customWidth="1"/>
    <col min="41" max="41" width="8.7109375" style="78"/>
    <col min="42" max="42" width="6.42578125" style="78" bestFit="1" customWidth="1"/>
    <col min="43" max="43" width="2.7109375" style="78" bestFit="1" customWidth="1"/>
    <col min="44" max="16384" width="8.7109375" style="78"/>
  </cols>
  <sheetData>
    <row r="1" spans="1:37" s="75" customFormat="1" ht="12" customHeight="1" x14ac:dyDescent="0.25">
      <c r="A1" s="73" t="s">
        <v>5</v>
      </c>
      <c r="B1" s="73"/>
      <c r="C1" s="73"/>
      <c r="D1" s="73"/>
      <c r="E1" s="73"/>
      <c r="F1" s="73"/>
      <c r="G1" s="73"/>
      <c r="H1" s="73"/>
      <c r="I1" s="73"/>
      <c r="J1" s="73"/>
      <c r="K1" s="73"/>
      <c r="L1" s="73"/>
      <c r="M1" s="73"/>
      <c r="N1" s="73"/>
      <c r="O1" s="73"/>
      <c r="P1" s="73"/>
      <c r="Q1" s="73"/>
      <c r="R1" s="73"/>
      <c r="S1" s="74"/>
      <c r="T1" s="73" t="s">
        <v>5</v>
      </c>
      <c r="U1" s="73"/>
      <c r="V1" s="73"/>
      <c r="W1" s="73"/>
      <c r="X1" s="73"/>
      <c r="Y1" s="73"/>
      <c r="Z1" s="73"/>
      <c r="AA1" s="73"/>
      <c r="AB1" s="73"/>
      <c r="AC1" s="73"/>
      <c r="AD1" s="73"/>
      <c r="AE1" s="73"/>
      <c r="AF1" s="73"/>
      <c r="AG1" s="73"/>
      <c r="AH1" s="73"/>
      <c r="AI1" s="73"/>
      <c r="AJ1" s="73"/>
      <c r="AK1" s="73"/>
    </row>
    <row r="2" spans="1:37" s="75" customFormat="1" ht="15" customHeight="1" x14ac:dyDescent="0.25">
      <c r="A2" s="76" t="s">
        <v>1103</v>
      </c>
      <c r="B2" s="76" t="s">
        <v>1104</v>
      </c>
      <c r="C2" s="73" t="s">
        <v>6</v>
      </c>
      <c r="D2" s="73" t="s">
        <v>260</v>
      </c>
      <c r="E2" s="73"/>
      <c r="F2" s="73"/>
      <c r="G2" s="73"/>
      <c r="H2" s="73"/>
      <c r="I2" s="73"/>
      <c r="J2" s="73"/>
      <c r="K2" s="73"/>
      <c r="L2" s="73"/>
      <c r="M2" s="73"/>
      <c r="N2" s="73"/>
      <c r="O2" s="73"/>
      <c r="P2" s="73" t="s">
        <v>7</v>
      </c>
      <c r="Q2" s="72" t="s">
        <v>8</v>
      </c>
      <c r="R2" s="72" t="s">
        <v>1105</v>
      </c>
      <c r="S2" s="74"/>
      <c r="T2" s="76" t="s">
        <v>1103</v>
      </c>
      <c r="U2" s="76" t="s">
        <v>1104</v>
      </c>
      <c r="V2" s="73" t="s">
        <v>6</v>
      </c>
      <c r="W2" s="73" t="s">
        <v>260</v>
      </c>
      <c r="X2" s="73"/>
      <c r="Y2" s="73"/>
      <c r="Z2" s="73"/>
      <c r="AA2" s="73"/>
      <c r="AB2" s="73"/>
      <c r="AC2" s="73"/>
      <c r="AD2" s="73"/>
      <c r="AE2" s="73"/>
      <c r="AF2" s="73"/>
      <c r="AG2" s="73"/>
      <c r="AH2" s="73"/>
      <c r="AI2" s="73" t="s">
        <v>7</v>
      </c>
      <c r="AJ2" s="72" t="s">
        <v>8</v>
      </c>
      <c r="AK2" s="72" t="s">
        <v>1105</v>
      </c>
    </row>
    <row r="3" spans="1:37" ht="25.5" customHeight="1" x14ac:dyDescent="0.2">
      <c r="A3" s="76"/>
      <c r="B3" s="76"/>
      <c r="C3" s="73"/>
      <c r="D3" s="77">
        <v>12</v>
      </c>
      <c r="E3" s="77">
        <v>11</v>
      </c>
      <c r="F3" s="77">
        <v>10</v>
      </c>
      <c r="G3" s="77">
        <v>9</v>
      </c>
      <c r="H3" s="77">
        <v>8</v>
      </c>
      <c r="I3" s="77">
        <v>7</v>
      </c>
      <c r="J3" s="77">
        <v>6</v>
      </c>
      <c r="K3" s="77">
        <v>5</v>
      </c>
      <c r="L3" s="77">
        <v>4</v>
      </c>
      <c r="M3" s="77">
        <v>3</v>
      </c>
      <c r="N3" s="77">
        <v>2</v>
      </c>
      <c r="O3" s="77">
        <v>1</v>
      </c>
      <c r="P3" s="73"/>
      <c r="Q3" s="72"/>
      <c r="R3" s="72"/>
      <c r="T3" s="76"/>
      <c r="U3" s="76"/>
      <c r="V3" s="73"/>
      <c r="W3" s="77">
        <v>12</v>
      </c>
      <c r="X3" s="77">
        <v>11</v>
      </c>
      <c r="Y3" s="77">
        <v>10</v>
      </c>
      <c r="Z3" s="77">
        <v>9</v>
      </c>
      <c r="AA3" s="77">
        <v>8</v>
      </c>
      <c r="AB3" s="77">
        <v>7</v>
      </c>
      <c r="AC3" s="77">
        <v>6</v>
      </c>
      <c r="AD3" s="77">
        <v>5</v>
      </c>
      <c r="AE3" s="77">
        <v>4</v>
      </c>
      <c r="AF3" s="77">
        <v>3</v>
      </c>
      <c r="AG3" s="77">
        <v>2</v>
      </c>
      <c r="AH3" s="77">
        <v>1</v>
      </c>
      <c r="AI3" s="73"/>
      <c r="AJ3" s="72"/>
      <c r="AK3" s="72"/>
    </row>
    <row r="4" spans="1:37" x14ac:dyDescent="0.2">
      <c r="A4" s="63" t="s">
        <v>636</v>
      </c>
      <c r="B4" s="44">
        <v>46</v>
      </c>
      <c r="C4" s="49"/>
      <c r="D4" s="46"/>
      <c r="E4" s="47"/>
      <c r="F4" s="48"/>
      <c r="G4" s="46"/>
      <c r="H4" s="46"/>
      <c r="I4" s="46"/>
      <c r="J4" s="47"/>
      <c r="K4" s="48"/>
      <c r="L4" s="46"/>
      <c r="M4" s="46"/>
      <c r="N4" s="46"/>
      <c r="O4" s="47"/>
      <c r="P4" s="49"/>
      <c r="Q4" s="56"/>
      <c r="R4" s="50"/>
      <c r="T4" s="69" t="s">
        <v>142</v>
      </c>
      <c r="U4" s="44" t="s">
        <v>259</v>
      </c>
      <c r="V4" s="45"/>
      <c r="W4" s="46"/>
      <c r="X4" s="47"/>
      <c r="Y4" s="48"/>
      <c r="Z4" s="46"/>
      <c r="AA4" s="46"/>
      <c r="AB4" s="46"/>
      <c r="AC4" s="47" t="s">
        <v>0</v>
      </c>
      <c r="AD4" s="48"/>
      <c r="AE4" s="46"/>
      <c r="AF4" s="46" t="s">
        <v>0</v>
      </c>
      <c r="AG4" s="46"/>
      <c r="AH4" s="47"/>
      <c r="AI4" s="49"/>
      <c r="AJ4" s="56">
        <v>8</v>
      </c>
      <c r="AK4" s="50"/>
    </row>
    <row r="5" spans="1:37" x14ac:dyDescent="0.2">
      <c r="A5" s="58" t="s">
        <v>635</v>
      </c>
      <c r="B5" s="10">
        <v>53</v>
      </c>
      <c r="C5" s="17"/>
      <c r="D5" s="13"/>
      <c r="E5" s="14"/>
      <c r="F5" s="15"/>
      <c r="G5" s="13"/>
      <c r="H5" s="13"/>
      <c r="I5" s="13"/>
      <c r="J5" s="14"/>
      <c r="K5" s="15"/>
      <c r="L5" s="13"/>
      <c r="M5" s="13"/>
      <c r="N5" s="13"/>
      <c r="O5" s="14"/>
      <c r="P5" s="12"/>
      <c r="Q5" s="52"/>
      <c r="R5" s="18"/>
      <c r="T5" s="58" t="s">
        <v>143</v>
      </c>
      <c r="U5" s="10" t="s">
        <v>259</v>
      </c>
      <c r="V5" s="12"/>
      <c r="W5" s="13"/>
      <c r="X5" s="14"/>
      <c r="Y5" s="15"/>
      <c r="Z5" s="13"/>
      <c r="AA5" s="13"/>
      <c r="AB5" s="13"/>
      <c r="AC5" s="14"/>
      <c r="AD5" s="15"/>
      <c r="AE5" s="13"/>
      <c r="AF5" s="13"/>
      <c r="AG5" s="13"/>
      <c r="AH5" s="14"/>
      <c r="AI5" s="12"/>
      <c r="AJ5" s="52">
        <v>5</v>
      </c>
      <c r="AK5" s="18"/>
    </row>
    <row r="6" spans="1:37" x14ac:dyDescent="0.2">
      <c r="A6" s="58" t="s">
        <v>634</v>
      </c>
      <c r="B6" s="10">
        <v>27</v>
      </c>
      <c r="C6" s="12"/>
      <c r="D6" s="13"/>
      <c r="E6" s="14"/>
      <c r="F6" s="15"/>
      <c r="G6" s="13"/>
      <c r="H6" s="13"/>
      <c r="I6" s="13"/>
      <c r="J6" s="14"/>
      <c r="K6" s="15"/>
      <c r="L6" s="13"/>
      <c r="M6" s="13"/>
      <c r="N6" s="13"/>
      <c r="O6" s="14"/>
      <c r="P6" s="12"/>
      <c r="Q6" s="52"/>
      <c r="R6" s="18"/>
      <c r="T6" s="58" t="s">
        <v>600</v>
      </c>
      <c r="U6" s="10">
        <v>53</v>
      </c>
      <c r="V6" s="12"/>
      <c r="W6" s="13"/>
      <c r="X6" s="14"/>
      <c r="Y6" s="15"/>
      <c r="Z6" s="13"/>
      <c r="AA6" s="13"/>
      <c r="AB6" s="13"/>
      <c r="AC6" s="14"/>
      <c r="AD6" s="15"/>
      <c r="AE6" s="13"/>
      <c r="AF6" s="13"/>
      <c r="AG6" s="13"/>
      <c r="AH6" s="14"/>
      <c r="AI6" s="12"/>
      <c r="AJ6" s="52"/>
      <c r="AK6" s="18"/>
    </row>
    <row r="7" spans="1:37" x14ac:dyDescent="0.2">
      <c r="A7" s="58" t="s">
        <v>633</v>
      </c>
      <c r="B7" s="10">
        <v>40</v>
      </c>
      <c r="C7" s="12"/>
      <c r="D7" s="13"/>
      <c r="E7" s="14"/>
      <c r="F7" s="15"/>
      <c r="G7" s="13"/>
      <c r="H7" s="13"/>
      <c r="I7" s="13"/>
      <c r="J7" s="14"/>
      <c r="K7" s="15"/>
      <c r="L7" s="13"/>
      <c r="M7" s="13"/>
      <c r="N7" s="13"/>
      <c r="O7" s="14"/>
      <c r="P7" s="12"/>
      <c r="Q7" s="52"/>
      <c r="R7" s="18"/>
      <c r="T7" s="58" t="s">
        <v>599</v>
      </c>
      <c r="U7" s="10">
        <v>36</v>
      </c>
      <c r="V7" s="12"/>
      <c r="W7" s="13"/>
      <c r="X7" s="14"/>
      <c r="Y7" s="15"/>
      <c r="Z7" s="13"/>
      <c r="AA7" s="13"/>
      <c r="AB7" s="13"/>
      <c r="AC7" s="14"/>
      <c r="AD7" s="15"/>
      <c r="AE7" s="13"/>
      <c r="AF7" s="13"/>
      <c r="AG7" s="13"/>
      <c r="AH7" s="14"/>
      <c r="AI7" s="12"/>
      <c r="AJ7" s="52"/>
      <c r="AK7" s="18"/>
    </row>
    <row r="8" spans="1:37" x14ac:dyDescent="0.2">
      <c r="A8" s="59" t="s">
        <v>632</v>
      </c>
      <c r="B8" s="20">
        <v>36</v>
      </c>
      <c r="C8" s="22"/>
      <c r="D8" s="23"/>
      <c r="E8" s="24"/>
      <c r="F8" s="25"/>
      <c r="G8" s="23"/>
      <c r="H8" s="23"/>
      <c r="I8" s="23"/>
      <c r="J8" s="24"/>
      <c r="K8" s="25"/>
      <c r="L8" s="23"/>
      <c r="M8" s="23"/>
      <c r="N8" s="23"/>
      <c r="O8" s="24"/>
      <c r="P8" s="22"/>
      <c r="Q8" s="53"/>
      <c r="R8" s="27"/>
      <c r="T8" s="59" t="s">
        <v>598</v>
      </c>
      <c r="U8" s="20">
        <v>35</v>
      </c>
      <c r="V8" s="22"/>
      <c r="W8" s="23"/>
      <c r="X8" s="24"/>
      <c r="Y8" s="25"/>
      <c r="Z8" s="23"/>
      <c r="AA8" s="23"/>
      <c r="AB8" s="23"/>
      <c r="AC8" s="24"/>
      <c r="AD8" s="25"/>
      <c r="AE8" s="23"/>
      <c r="AF8" s="23"/>
      <c r="AG8" s="23"/>
      <c r="AH8" s="24"/>
      <c r="AI8" s="22"/>
      <c r="AJ8" s="53"/>
      <c r="AK8" s="27"/>
    </row>
    <row r="9" spans="1:37" x14ac:dyDescent="0.2">
      <c r="A9" s="60" t="s">
        <v>631</v>
      </c>
      <c r="B9" s="1">
        <v>40</v>
      </c>
      <c r="C9" s="3"/>
      <c r="D9" s="4"/>
      <c r="E9" s="5"/>
      <c r="F9" s="6"/>
      <c r="G9" s="4"/>
      <c r="H9" s="4"/>
      <c r="I9" s="4"/>
      <c r="J9" s="5"/>
      <c r="K9" s="6"/>
      <c r="L9" s="4"/>
      <c r="M9" s="4"/>
      <c r="N9" s="4"/>
      <c r="O9" s="5"/>
      <c r="P9" s="3"/>
      <c r="Q9" s="51"/>
      <c r="R9" s="8"/>
      <c r="T9" s="60" t="s">
        <v>597</v>
      </c>
      <c r="U9" s="1">
        <v>36</v>
      </c>
      <c r="V9" s="3"/>
      <c r="W9" s="4"/>
      <c r="X9" s="5"/>
      <c r="Y9" s="6"/>
      <c r="Z9" s="4"/>
      <c r="AA9" s="4"/>
      <c r="AB9" s="4"/>
      <c r="AC9" s="5"/>
      <c r="AD9" s="6"/>
      <c r="AE9" s="4"/>
      <c r="AF9" s="4"/>
      <c r="AG9" s="4"/>
      <c r="AH9" s="5"/>
      <c r="AI9" s="3"/>
      <c r="AJ9" s="51"/>
      <c r="AK9" s="8"/>
    </row>
    <row r="10" spans="1:37" x14ac:dyDescent="0.2">
      <c r="A10" s="58" t="s">
        <v>130</v>
      </c>
      <c r="B10" s="10" t="s">
        <v>259</v>
      </c>
      <c r="C10" s="17"/>
      <c r="D10" s="34"/>
      <c r="E10" s="35"/>
      <c r="F10" s="36"/>
      <c r="G10" s="34"/>
      <c r="H10" s="34"/>
      <c r="I10" s="34"/>
      <c r="J10" s="35"/>
      <c r="K10" s="36"/>
      <c r="L10" s="34" t="s">
        <v>0</v>
      </c>
      <c r="M10" s="34"/>
      <c r="N10" s="34"/>
      <c r="O10" s="35"/>
      <c r="P10" s="17"/>
      <c r="Q10" s="52">
        <v>4</v>
      </c>
      <c r="R10" s="18"/>
      <c r="T10" s="58" t="s">
        <v>596</v>
      </c>
      <c r="U10" s="10">
        <v>47</v>
      </c>
      <c r="V10" s="12"/>
      <c r="W10" s="13"/>
      <c r="X10" s="14"/>
      <c r="Y10" s="15"/>
      <c r="Z10" s="13"/>
      <c r="AA10" s="13"/>
      <c r="AB10" s="13"/>
      <c r="AC10" s="14"/>
      <c r="AD10" s="15"/>
      <c r="AE10" s="13"/>
      <c r="AF10" s="13"/>
      <c r="AG10" s="13"/>
      <c r="AH10" s="14"/>
      <c r="AI10" s="12"/>
      <c r="AJ10" s="52"/>
      <c r="AK10" s="18"/>
    </row>
    <row r="11" spans="1:37" x14ac:dyDescent="0.2">
      <c r="A11" s="58" t="s">
        <v>630</v>
      </c>
      <c r="B11" s="10">
        <v>46</v>
      </c>
      <c r="C11" s="12"/>
      <c r="D11" s="13"/>
      <c r="E11" s="14"/>
      <c r="F11" s="15"/>
      <c r="G11" s="13"/>
      <c r="H11" s="13"/>
      <c r="I11" s="13"/>
      <c r="J11" s="14"/>
      <c r="K11" s="15"/>
      <c r="L11" s="13"/>
      <c r="M11" s="13"/>
      <c r="N11" s="13"/>
      <c r="O11" s="14"/>
      <c r="P11" s="12"/>
      <c r="Q11" s="52"/>
      <c r="R11" s="18"/>
      <c r="T11" s="58" t="s">
        <v>595</v>
      </c>
      <c r="U11" s="10">
        <v>44</v>
      </c>
      <c r="V11" s="12"/>
      <c r="W11" s="13"/>
      <c r="X11" s="14"/>
      <c r="Y11" s="15"/>
      <c r="Z11" s="13"/>
      <c r="AA11" s="13"/>
      <c r="AB11" s="13"/>
      <c r="AC11" s="14"/>
      <c r="AD11" s="15"/>
      <c r="AE11" s="13"/>
      <c r="AF11" s="13"/>
      <c r="AG11" s="13"/>
      <c r="AH11" s="14"/>
      <c r="AI11" s="12"/>
      <c r="AJ11" s="52"/>
      <c r="AK11" s="18"/>
    </row>
    <row r="12" spans="1:37" x14ac:dyDescent="0.2">
      <c r="A12" s="58" t="s">
        <v>629</v>
      </c>
      <c r="B12" s="10">
        <v>53</v>
      </c>
      <c r="C12" s="17"/>
      <c r="D12" s="34"/>
      <c r="E12" s="35"/>
      <c r="F12" s="36"/>
      <c r="G12" s="34"/>
      <c r="H12" s="34"/>
      <c r="I12" s="34"/>
      <c r="J12" s="35"/>
      <c r="K12" s="36"/>
      <c r="L12" s="34"/>
      <c r="M12" s="34"/>
      <c r="N12" s="34"/>
      <c r="O12" s="35"/>
      <c r="P12" s="17"/>
      <c r="Q12" s="52"/>
      <c r="R12" s="18"/>
      <c r="T12" s="58" t="s">
        <v>594</v>
      </c>
      <c r="U12" s="10">
        <v>36</v>
      </c>
      <c r="V12" s="12"/>
      <c r="W12" s="13"/>
      <c r="X12" s="14"/>
      <c r="Y12" s="15"/>
      <c r="Z12" s="13"/>
      <c r="AA12" s="13"/>
      <c r="AB12" s="13"/>
      <c r="AC12" s="14"/>
      <c r="AD12" s="15"/>
      <c r="AE12" s="13"/>
      <c r="AF12" s="13"/>
      <c r="AG12" s="13"/>
      <c r="AH12" s="14"/>
      <c r="AI12" s="12"/>
      <c r="AJ12" s="52"/>
      <c r="AK12" s="18"/>
    </row>
    <row r="13" spans="1:37" x14ac:dyDescent="0.2">
      <c r="A13" s="59" t="s">
        <v>628</v>
      </c>
      <c r="B13" s="20">
        <v>36</v>
      </c>
      <c r="C13" s="22"/>
      <c r="D13" s="23"/>
      <c r="E13" s="24"/>
      <c r="F13" s="25"/>
      <c r="G13" s="23"/>
      <c r="H13" s="23"/>
      <c r="I13" s="23"/>
      <c r="J13" s="24"/>
      <c r="K13" s="25"/>
      <c r="L13" s="23"/>
      <c r="M13" s="23"/>
      <c r="N13" s="23"/>
      <c r="O13" s="24"/>
      <c r="P13" s="22"/>
      <c r="Q13" s="53"/>
      <c r="R13" s="27"/>
      <c r="T13" s="59" t="s">
        <v>593</v>
      </c>
      <c r="U13" s="20">
        <v>49</v>
      </c>
      <c r="V13" s="22"/>
      <c r="W13" s="23"/>
      <c r="X13" s="24"/>
      <c r="Y13" s="25"/>
      <c r="Z13" s="23"/>
      <c r="AA13" s="23"/>
      <c r="AB13" s="23"/>
      <c r="AC13" s="24"/>
      <c r="AD13" s="25"/>
      <c r="AE13" s="23"/>
      <c r="AF13" s="23"/>
      <c r="AG13" s="23"/>
      <c r="AH13" s="24"/>
      <c r="AI13" s="22"/>
      <c r="AJ13" s="53"/>
      <c r="AK13" s="27"/>
    </row>
    <row r="14" spans="1:37" x14ac:dyDescent="0.2">
      <c r="A14" s="60" t="s">
        <v>627</v>
      </c>
      <c r="B14" s="1">
        <v>40</v>
      </c>
      <c r="C14" s="3"/>
      <c r="D14" s="4"/>
      <c r="E14" s="5"/>
      <c r="F14" s="6"/>
      <c r="G14" s="4"/>
      <c r="H14" s="4"/>
      <c r="I14" s="4"/>
      <c r="J14" s="5"/>
      <c r="K14" s="6"/>
      <c r="L14" s="4"/>
      <c r="M14" s="4"/>
      <c r="N14" s="4"/>
      <c r="O14" s="5"/>
      <c r="P14" s="3"/>
      <c r="Q14" s="51"/>
      <c r="R14" s="8"/>
      <c r="T14" s="60" t="s">
        <v>592</v>
      </c>
      <c r="U14" s="1">
        <v>66</v>
      </c>
      <c r="V14" s="3"/>
      <c r="W14" s="4"/>
      <c r="X14" s="5"/>
      <c r="Y14" s="6"/>
      <c r="Z14" s="4"/>
      <c r="AA14" s="4"/>
      <c r="AB14" s="4"/>
      <c r="AC14" s="5"/>
      <c r="AD14" s="6"/>
      <c r="AE14" s="4"/>
      <c r="AF14" s="4"/>
      <c r="AG14" s="4"/>
      <c r="AH14" s="5"/>
      <c r="AI14" s="3"/>
      <c r="AJ14" s="51"/>
      <c r="AK14" s="8"/>
    </row>
    <row r="15" spans="1:37" x14ac:dyDescent="0.2">
      <c r="A15" s="58" t="s">
        <v>131</v>
      </c>
      <c r="B15" s="10" t="s">
        <v>259</v>
      </c>
      <c r="C15" s="17"/>
      <c r="D15" s="13"/>
      <c r="E15" s="14"/>
      <c r="F15" s="15"/>
      <c r="G15" s="13"/>
      <c r="H15" s="13"/>
      <c r="I15" s="13"/>
      <c r="J15" s="14"/>
      <c r="K15" s="15"/>
      <c r="L15" s="13" t="s">
        <v>0</v>
      </c>
      <c r="M15" s="13"/>
      <c r="N15" s="13"/>
      <c r="O15" s="14" t="s">
        <v>0</v>
      </c>
      <c r="P15" s="12"/>
      <c r="Q15" s="52">
        <v>8</v>
      </c>
      <c r="R15" s="18"/>
      <c r="T15" s="58">
        <v>807</v>
      </c>
      <c r="U15" s="10" t="s">
        <v>259</v>
      </c>
      <c r="V15" s="12"/>
      <c r="W15" s="13"/>
      <c r="X15" s="14"/>
      <c r="Y15" s="15"/>
      <c r="Z15" s="13"/>
      <c r="AA15" s="13"/>
      <c r="AB15" s="13"/>
      <c r="AC15" s="14"/>
      <c r="AD15" s="15"/>
      <c r="AE15" s="13" t="s">
        <v>1</v>
      </c>
      <c r="AF15" s="13" t="s">
        <v>1</v>
      </c>
      <c r="AG15" s="13" t="s">
        <v>1</v>
      </c>
      <c r="AH15" s="14"/>
      <c r="AI15" s="12"/>
      <c r="AJ15" s="52">
        <v>28</v>
      </c>
      <c r="AK15" s="18" t="s">
        <v>259</v>
      </c>
    </row>
    <row r="16" spans="1:37" x14ac:dyDescent="0.2">
      <c r="A16" s="58" t="s">
        <v>626</v>
      </c>
      <c r="B16" s="10">
        <v>44</v>
      </c>
      <c r="C16" s="17"/>
      <c r="D16" s="13"/>
      <c r="E16" s="14"/>
      <c r="F16" s="15"/>
      <c r="G16" s="13"/>
      <c r="H16" s="13"/>
      <c r="I16" s="13"/>
      <c r="J16" s="14"/>
      <c r="K16" s="15"/>
      <c r="L16" s="13"/>
      <c r="M16" s="13"/>
      <c r="N16" s="13"/>
      <c r="O16" s="14"/>
      <c r="P16" s="12"/>
      <c r="Q16" s="52"/>
      <c r="R16" s="18"/>
      <c r="T16" s="58" t="s">
        <v>591</v>
      </c>
      <c r="U16" s="10">
        <v>49</v>
      </c>
      <c r="V16" s="12"/>
      <c r="W16" s="13"/>
      <c r="X16" s="14"/>
      <c r="Y16" s="15"/>
      <c r="Z16" s="13"/>
      <c r="AA16" s="13"/>
      <c r="AB16" s="13"/>
      <c r="AC16" s="14"/>
      <c r="AD16" s="15"/>
      <c r="AE16" s="13"/>
      <c r="AF16" s="13"/>
      <c r="AG16" s="13"/>
      <c r="AH16" s="14"/>
      <c r="AI16" s="12"/>
      <c r="AJ16" s="52"/>
      <c r="AK16" s="18"/>
    </row>
    <row r="17" spans="1:37" x14ac:dyDescent="0.2">
      <c r="A17" s="58" t="s">
        <v>625</v>
      </c>
      <c r="B17" s="10">
        <v>53</v>
      </c>
      <c r="C17" s="17"/>
      <c r="D17" s="13"/>
      <c r="E17" s="14"/>
      <c r="F17" s="15"/>
      <c r="G17" s="13"/>
      <c r="H17" s="13"/>
      <c r="I17" s="13"/>
      <c r="J17" s="14"/>
      <c r="K17" s="15"/>
      <c r="L17" s="13"/>
      <c r="M17" s="13"/>
      <c r="N17" s="13"/>
      <c r="O17" s="14"/>
      <c r="P17" s="12"/>
      <c r="Q17" s="52"/>
      <c r="R17" s="18"/>
      <c r="T17" s="58" t="s">
        <v>144</v>
      </c>
      <c r="U17" s="10" t="s">
        <v>259</v>
      </c>
      <c r="V17" s="12"/>
      <c r="W17" s="13"/>
      <c r="X17" s="14"/>
      <c r="Y17" s="15"/>
      <c r="Z17" s="13"/>
      <c r="AA17" s="13"/>
      <c r="AB17" s="13"/>
      <c r="AC17" s="14"/>
      <c r="AD17" s="15"/>
      <c r="AE17" s="13" t="s">
        <v>0</v>
      </c>
      <c r="AF17" s="13"/>
      <c r="AG17" s="13"/>
      <c r="AH17" s="14"/>
      <c r="AI17" s="12"/>
      <c r="AJ17" s="52">
        <v>4</v>
      </c>
      <c r="AK17" s="18" t="s">
        <v>259</v>
      </c>
    </row>
    <row r="18" spans="1:37" x14ac:dyDescent="0.2">
      <c r="A18" s="59" t="s">
        <v>624</v>
      </c>
      <c r="B18" s="20">
        <v>40</v>
      </c>
      <c r="C18" s="26"/>
      <c r="D18" s="37"/>
      <c r="E18" s="38"/>
      <c r="F18" s="39"/>
      <c r="G18" s="37"/>
      <c r="H18" s="37"/>
      <c r="I18" s="37"/>
      <c r="J18" s="38"/>
      <c r="K18" s="39"/>
      <c r="L18" s="37"/>
      <c r="M18" s="37"/>
      <c r="N18" s="37"/>
      <c r="O18" s="38"/>
      <c r="P18" s="22"/>
      <c r="Q18" s="53"/>
      <c r="R18" s="27"/>
      <c r="T18" s="59" t="s">
        <v>590</v>
      </c>
      <c r="U18" s="20">
        <v>51</v>
      </c>
      <c r="V18" s="22"/>
      <c r="W18" s="23"/>
      <c r="X18" s="24"/>
      <c r="Y18" s="25"/>
      <c r="Z18" s="23"/>
      <c r="AA18" s="23"/>
      <c r="AB18" s="23"/>
      <c r="AC18" s="24"/>
      <c r="AD18" s="25"/>
      <c r="AE18" s="23"/>
      <c r="AF18" s="23"/>
      <c r="AG18" s="23"/>
      <c r="AH18" s="24"/>
      <c r="AI18" s="22"/>
      <c r="AJ18" s="53"/>
      <c r="AK18" s="27"/>
    </row>
    <row r="19" spans="1:37" x14ac:dyDescent="0.2">
      <c r="A19" s="60" t="s">
        <v>132</v>
      </c>
      <c r="B19" s="1" t="s">
        <v>259</v>
      </c>
      <c r="C19" s="7"/>
      <c r="D19" s="4"/>
      <c r="E19" s="5"/>
      <c r="F19" s="6"/>
      <c r="G19" s="4"/>
      <c r="H19" s="4"/>
      <c r="I19" s="4"/>
      <c r="J19" s="5"/>
      <c r="K19" s="6"/>
      <c r="L19" s="4"/>
      <c r="M19" s="4"/>
      <c r="N19" s="4"/>
      <c r="O19" s="5" t="s">
        <v>0</v>
      </c>
      <c r="P19" s="3"/>
      <c r="Q19" s="51">
        <v>4</v>
      </c>
      <c r="R19" s="8"/>
      <c r="T19" s="60" t="s">
        <v>589</v>
      </c>
      <c r="U19" s="1">
        <v>44</v>
      </c>
      <c r="V19" s="3"/>
      <c r="W19" s="4"/>
      <c r="X19" s="5"/>
      <c r="Y19" s="6"/>
      <c r="Z19" s="4"/>
      <c r="AA19" s="4"/>
      <c r="AB19" s="4"/>
      <c r="AC19" s="5"/>
      <c r="AD19" s="6"/>
      <c r="AE19" s="4"/>
      <c r="AF19" s="4"/>
      <c r="AG19" s="4"/>
      <c r="AH19" s="5"/>
      <c r="AI19" s="3"/>
      <c r="AJ19" s="51"/>
      <c r="AK19" s="8"/>
    </row>
    <row r="20" spans="1:37" x14ac:dyDescent="0.2">
      <c r="A20" s="58" t="s">
        <v>623</v>
      </c>
      <c r="B20" s="10">
        <v>27</v>
      </c>
      <c r="C20" s="17"/>
      <c r="D20" s="34"/>
      <c r="E20" s="35"/>
      <c r="F20" s="36"/>
      <c r="G20" s="34"/>
      <c r="H20" s="34"/>
      <c r="I20" s="34"/>
      <c r="J20" s="35"/>
      <c r="K20" s="36"/>
      <c r="L20" s="34"/>
      <c r="M20" s="34"/>
      <c r="N20" s="34"/>
      <c r="O20" s="35"/>
      <c r="P20" s="17"/>
      <c r="Q20" s="52"/>
      <c r="R20" s="18"/>
      <c r="T20" s="58" t="s">
        <v>588</v>
      </c>
      <c r="U20" s="10">
        <v>36</v>
      </c>
      <c r="V20" s="12"/>
      <c r="W20" s="13"/>
      <c r="X20" s="14"/>
      <c r="Y20" s="15"/>
      <c r="Z20" s="13"/>
      <c r="AA20" s="13"/>
      <c r="AB20" s="13"/>
      <c r="AC20" s="14"/>
      <c r="AD20" s="15"/>
      <c r="AE20" s="13"/>
      <c r="AF20" s="13"/>
      <c r="AG20" s="13"/>
      <c r="AH20" s="14"/>
      <c r="AI20" s="12"/>
      <c r="AJ20" s="52"/>
      <c r="AK20" s="18"/>
    </row>
    <row r="21" spans="1:37" x14ac:dyDescent="0.2">
      <c r="A21" s="58" t="s">
        <v>622</v>
      </c>
      <c r="B21" s="10">
        <v>31</v>
      </c>
      <c r="C21" s="12"/>
      <c r="D21" s="13"/>
      <c r="E21" s="14"/>
      <c r="F21" s="15"/>
      <c r="G21" s="13"/>
      <c r="H21" s="13"/>
      <c r="I21" s="13"/>
      <c r="J21" s="14"/>
      <c r="K21" s="15"/>
      <c r="L21" s="13"/>
      <c r="M21" s="13"/>
      <c r="N21" s="13"/>
      <c r="O21" s="14"/>
      <c r="P21" s="12"/>
      <c r="Q21" s="52"/>
      <c r="R21" s="18"/>
      <c r="T21" s="58" t="s">
        <v>587</v>
      </c>
      <c r="U21" s="10">
        <v>49</v>
      </c>
      <c r="V21" s="12"/>
      <c r="W21" s="13"/>
      <c r="X21" s="14"/>
      <c r="Y21" s="15"/>
      <c r="Z21" s="13"/>
      <c r="AA21" s="13"/>
      <c r="AB21" s="13"/>
      <c r="AC21" s="14"/>
      <c r="AD21" s="15"/>
      <c r="AE21" s="13"/>
      <c r="AF21" s="13"/>
      <c r="AG21" s="13"/>
      <c r="AH21" s="14"/>
      <c r="AI21" s="12"/>
      <c r="AJ21" s="52"/>
      <c r="AK21" s="18"/>
    </row>
    <row r="22" spans="1:37" x14ac:dyDescent="0.2">
      <c r="A22" s="58" t="s">
        <v>621</v>
      </c>
      <c r="B22" s="10">
        <v>36</v>
      </c>
      <c r="C22" s="12"/>
      <c r="D22" s="13"/>
      <c r="E22" s="14"/>
      <c r="F22" s="15"/>
      <c r="G22" s="13"/>
      <c r="H22" s="13"/>
      <c r="I22" s="13"/>
      <c r="J22" s="14"/>
      <c r="K22" s="15"/>
      <c r="L22" s="13"/>
      <c r="M22" s="13"/>
      <c r="N22" s="13"/>
      <c r="O22" s="14"/>
      <c r="P22" s="12"/>
      <c r="Q22" s="52"/>
      <c r="R22" s="18"/>
      <c r="T22" s="58" t="s">
        <v>586</v>
      </c>
      <c r="U22" s="10">
        <v>36</v>
      </c>
      <c r="V22" s="12"/>
      <c r="W22" s="13"/>
      <c r="X22" s="14"/>
      <c r="Y22" s="15"/>
      <c r="Z22" s="13"/>
      <c r="AA22" s="13"/>
      <c r="AB22" s="13"/>
      <c r="AC22" s="14"/>
      <c r="AD22" s="15"/>
      <c r="AE22" s="13"/>
      <c r="AF22" s="13"/>
      <c r="AG22" s="13"/>
      <c r="AH22" s="14"/>
      <c r="AI22" s="12"/>
      <c r="AJ22" s="52"/>
      <c r="AK22" s="18"/>
    </row>
    <row r="23" spans="1:37" x14ac:dyDescent="0.2">
      <c r="A23" s="59" t="s">
        <v>133</v>
      </c>
      <c r="B23" s="20" t="s">
        <v>259</v>
      </c>
      <c r="C23" s="26"/>
      <c r="D23" s="23"/>
      <c r="E23" s="24"/>
      <c r="F23" s="25"/>
      <c r="G23" s="23"/>
      <c r="H23" s="23"/>
      <c r="I23" s="23"/>
      <c r="J23" s="24"/>
      <c r="K23" s="25"/>
      <c r="L23" s="23"/>
      <c r="M23" s="23" t="s">
        <v>0</v>
      </c>
      <c r="N23" s="23"/>
      <c r="O23" s="24"/>
      <c r="P23" s="22"/>
      <c r="Q23" s="53">
        <v>4</v>
      </c>
      <c r="R23" s="27"/>
      <c r="T23" s="59" t="s">
        <v>585</v>
      </c>
      <c r="U23" s="20">
        <v>44</v>
      </c>
      <c r="V23" s="22"/>
      <c r="W23" s="23"/>
      <c r="X23" s="24"/>
      <c r="Y23" s="25"/>
      <c r="Z23" s="23"/>
      <c r="AA23" s="23"/>
      <c r="AB23" s="23"/>
      <c r="AC23" s="24"/>
      <c r="AD23" s="25"/>
      <c r="AE23" s="23"/>
      <c r="AF23" s="23"/>
      <c r="AG23" s="23"/>
      <c r="AH23" s="24"/>
      <c r="AI23" s="22"/>
      <c r="AJ23" s="53"/>
      <c r="AK23" s="27"/>
    </row>
    <row r="24" spans="1:37" x14ac:dyDescent="0.2">
      <c r="A24" s="60" t="s">
        <v>620</v>
      </c>
      <c r="B24" s="1">
        <v>36</v>
      </c>
      <c r="C24" s="7"/>
      <c r="D24" s="4"/>
      <c r="E24" s="5"/>
      <c r="F24" s="6"/>
      <c r="G24" s="4"/>
      <c r="H24" s="4"/>
      <c r="I24" s="4"/>
      <c r="J24" s="5"/>
      <c r="K24" s="6"/>
      <c r="L24" s="4"/>
      <c r="M24" s="4"/>
      <c r="N24" s="4"/>
      <c r="O24" s="5"/>
      <c r="P24" s="3"/>
      <c r="Q24" s="51"/>
      <c r="R24" s="8"/>
      <c r="T24" s="60" t="s">
        <v>584</v>
      </c>
      <c r="U24" s="1">
        <v>41</v>
      </c>
      <c r="V24" s="3"/>
      <c r="W24" s="4"/>
      <c r="X24" s="5"/>
      <c r="Y24" s="6"/>
      <c r="Z24" s="4"/>
      <c r="AA24" s="4"/>
      <c r="AB24" s="4"/>
      <c r="AC24" s="5"/>
      <c r="AD24" s="6"/>
      <c r="AE24" s="4"/>
      <c r="AF24" s="4"/>
      <c r="AG24" s="4"/>
      <c r="AH24" s="5"/>
      <c r="AI24" s="3"/>
      <c r="AJ24" s="51"/>
      <c r="AK24" s="8"/>
    </row>
    <row r="25" spans="1:37" x14ac:dyDescent="0.2">
      <c r="A25" s="58" t="s">
        <v>134</v>
      </c>
      <c r="B25" s="32"/>
      <c r="C25" s="17"/>
      <c r="D25" s="13"/>
      <c r="E25" s="14"/>
      <c r="F25" s="15"/>
      <c r="G25" s="13"/>
      <c r="H25" s="13"/>
      <c r="I25" s="13"/>
      <c r="J25" s="14"/>
      <c r="K25" s="15"/>
      <c r="L25" s="13"/>
      <c r="M25" s="13"/>
      <c r="N25" s="13"/>
      <c r="O25" s="14"/>
      <c r="P25" s="12"/>
      <c r="Q25" s="52">
        <v>13</v>
      </c>
      <c r="R25" s="18"/>
      <c r="T25" s="58">
        <v>815</v>
      </c>
      <c r="U25" s="10" t="s">
        <v>259</v>
      </c>
      <c r="V25" s="12"/>
      <c r="W25" s="13"/>
      <c r="X25" s="14"/>
      <c r="Y25" s="15"/>
      <c r="Z25" s="13"/>
      <c r="AA25" s="13"/>
      <c r="AB25" s="13" t="s">
        <v>2</v>
      </c>
      <c r="AC25" s="14"/>
      <c r="AD25" s="15"/>
      <c r="AE25" s="13"/>
      <c r="AF25" s="13"/>
      <c r="AG25" s="13"/>
      <c r="AH25" s="14"/>
      <c r="AI25" s="12"/>
      <c r="AJ25" s="52" t="s">
        <v>259</v>
      </c>
      <c r="AK25" s="18">
        <v>4</v>
      </c>
    </row>
    <row r="26" spans="1:37" x14ac:dyDescent="0.2">
      <c r="A26" s="58" t="s">
        <v>619</v>
      </c>
      <c r="B26" s="10">
        <v>53</v>
      </c>
      <c r="C26" s="17"/>
      <c r="D26" s="34"/>
      <c r="E26" s="35"/>
      <c r="F26" s="36"/>
      <c r="G26" s="34"/>
      <c r="H26" s="34"/>
      <c r="I26" s="34"/>
      <c r="J26" s="35"/>
      <c r="K26" s="36"/>
      <c r="L26" s="34"/>
      <c r="M26" s="34"/>
      <c r="N26" s="34"/>
      <c r="O26" s="35"/>
      <c r="P26" s="17"/>
      <c r="Q26" s="52"/>
      <c r="R26" s="18"/>
      <c r="T26" s="58" t="s">
        <v>583</v>
      </c>
      <c r="U26" s="10">
        <v>49</v>
      </c>
      <c r="V26" s="12"/>
      <c r="W26" s="13"/>
      <c r="X26" s="14"/>
      <c r="Y26" s="15"/>
      <c r="Z26" s="13"/>
      <c r="AA26" s="13"/>
      <c r="AB26" s="13"/>
      <c r="AC26" s="14"/>
      <c r="AD26" s="15"/>
      <c r="AE26" s="13"/>
      <c r="AF26" s="13"/>
      <c r="AG26" s="13"/>
      <c r="AH26" s="14"/>
      <c r="AI26" s="12"/>
      <c r="AJ26" s="52"/>
      <c r="AK26" s="18"/>
    </row>
    <row r="27" spans="1:37" x14ac:dyDescent="0.2">
      <c r="A27" s="58" t="s">
        <v>135</v>
      </c>
      <c r="B27" s="10" t="s">
        <v>259</v>
      </c>
      <c r="C27" s="17"/>
      <c r="D27" s="13"/>
      <c r="E27" s="14"/>
      <c r="F27" s="15"/>
      <c r="G27" s="13"/>
      <c r="H27" s="13"/>
      <c r="I27" s="13"/>
      <c r="J27" s="14"/>
      <c r="K27" s="15" t="s">
        <v>0</v>
      </c>
      <c r="L27" s="13" t="s">
        <v>0</v>
      </c>
      <c r="M27" s="13"/>
      <c r="N27" s="13"/>
      <c r="O27" s="14"/>
      <c r="P27" s="12"/>
      <c r="Q27" s="52">
        <v>8</v>
      </c>
      <c r="R27" s="18"/>
      <c r="T27" s="58" t="s">
        <v>582</v>
      </c>
      <c r="U27" s="10">
        <v>53</v>
      </c>
      <c r="V27" s="12"/>
      <c r="W27" s="13"/>
      <c r="X27" s="14"/>
      <c r="Y27" s="15"/>
      <c r="Z27" s="13"/>
      <c r="AA27" s="13"/>
      <c r="AB27" s="13"/>
      <c r="AC27" s="14"/>
      <c r="AD27" s="15"/>
      <c r="AE27" s="13"/>
      <c r="AF27" s="13"/>
      <c r="AG27" s="13"/>
      <c r="AH27" s="14"/>
      <c r="AI27" s="12"/>
      <c r="AJ27" s="52"/>
      <c r="AK27" s="18"/>
    </row>
    <row r="28" spans="1:37" x14ac:dyDescent="0.2">
      <c r="A28" s="59" t="s">
        <v>618</v>
      </c>
      <c r="B28" s="20">
        <v>33</v>
      </c>
      <c r="C28" s="26"/>
      <c r="D28" s="37"/>
      <c r="E28" s="38"/>
      <c r="F28" s="39"/>
      <c r="G28" s="37"/>
      <c r="H28" s="37"/>
      <c r="I28" s="37"/>
      <c r="J28" s="38"/>
      <c r="K28" s="39"/>
      <c r="L28" s="37"/>
      <c r="M28" s="37"/>
      <c r="N28" s="37"/>
      <c r="O28" s="38"/>
      <c r="P28" s="22"/>
      <c r="Q28" s="53"/>
      <c r="R28" s="27"/>
      <c r="T28" s="59" t="s">
        <v>581</v>
      </c>
      <c r="U28" s="20">
        <v>53</v>
      </c>
      <c r="V28" s="22"/>
      <c r="W28" s="23"/>
      <c r="X28" s="24"/>
      <c r="Y28" s="25"/>
      <c r="Z28" s="23"/>
      <c r="AA28" s="23"/>
      <c r="AB28" s="23"/>
      <c r="AC28" s="24"/>
      <c r="AD28" s="25"/>
      <c r="AE28" s="23"/>
      <c r="AF28" s="23"/>
      <c r="AG28" s="23"/>
      <c r="AH28" s="24"/>
      <c r="AI28" s="22"/>
      <c r="AJ28" s="53"/>
      <c r="AK28" s="27"/>
    </row>
    <row r="29" spans="1:37" x14ac:dyDescent="0.2">
      <c r="A29" s="60" t="s">
        <v>617</v>
      </c>
      <c r="B29" s="1">
        <v>53</v>
      </c>
      <c r="C29" s="7"/>
      <c r="D29" s="4"/>
      <c r="E29" s="5"/>
      <c r="F29" s="6"/>
      <c r="G29" s="4"/>
      <c r="H29" s="4"/>
      <c r="I29" s="4"/>
      <c r="J29" s="5"/>
      <c r="K29" s="6"/>
      <c r="L29" s="4"/>
      <c r="M29" s="4"/>
      <c r="N29" s="4"/>
      <c r="O29" s="5"/>
      <c r="P29" s="3"/>
      <c r="Q29" s="51"/>
      <c r="R29" s="8"/>
      <c r="T29" s="60" t="s">
        <v>580</v>
      </c>
      <c r="U29" s="1">
        <v>54</v>
      </c>
      <c r="V29" s="7"/>
      <c r="W29" s="4"/>
      <c r="X29" s="5"/>
      <c r="Y29" s="6"/>
      <c r="Z29" s="4"/>
      <c r="AA29" s="4"/>
      <c r="AB29" s="4"/>
      <c r="AC29" s="5"/>
      <c r="AD29" s="6"/>
      <c r="AE29" s="4"/>
      <c r="AF29" s="4"/>
      <c r="AG29" s="4"/>
      <c r="AH29" s="5"/>
      <c r="AI29" s="3"/>
      <c r="AJ29" s="51"/>
      <c r="AK29" s="8"/>
    </row>
    <row r="30" spans="1:37" x14ac:dyDescent="0.2">
      <c r="A30" s="58" t="s">
        <v>616</v>
      </c>
      <c r="B30" s="10">
        <v>40</v>
      </c>
      <c r="C30" s="17"/>
      <c r="D30" s="13"/>
      <c r="E30" s="14"/>
      <c r="F30" s="15"/>
      <c r="G30" s="13"/>
      <c r="H30" s="13"/>
      <c r="I30" s="13"/>
      <c r="J30" s="14"/>
      <c r="K30" s="15"/>
      <c r="L30" s="13"/>
      <c r="M30" s="13"/>
      <c r="N30" s="13"/>
      <c r="O30" s="14"/>
      <c r="P30" s="12"/>
      <c r="Q30" s="52"/>
      <c r="R30" s="18"/>
      <c r="T30" s="58">
        <v>819</v>
      </c>
      <c r="U30" s="10" t="s">
        <v>259</v>
      </c>
      <c r="V30" s="12"/>
      <c r="W30" s="13"/>
      <c r="X30" s="14"/>
      <c r="Y30" s="15"/>
      <c r="Z30" s="13"/>
      <c r="AA30" s="13"/>
      <c r="AB30" s="13"/>
      <c r="AC30" s="14"/>
      <c r="AD30" s="15" t="s">
        <v>2</v>
      </c>
      <c r="AE30" s="13"/>
      <c r="AF30" s="13"/>
      <c r="AG30" s="13"/>
      <c r="AH30" s="14"/>
      <c r="AI30" s="12"/>
      <c r="AJ30" s="52" t="s">
        <v>259</v>
      </c>
      <c r="AK30" s="18">
        <v>4</v>
      </c>
    </row>
    <row r="31" spans="1:37" x14ac:dyDescent="0.2">
      <c r="A31" s="58" t="s">
        <v>136</v>
      </c>
      <c r="B31" s="10" t="s">
        <v>259</v>
      </c>
      <c r="C31" s="12"/>
      <c r="D31" s="13"/>
      <c r="E31" s="14"/>
      <c r="F31" s="15"/>
      <c r="G31" s="13"/>
      <c r="H31" s="13"/>
      <c r="I31" s="13"/>
      <c r="J31" s="14"/>
      <c r="K31" s="15"/>
      <c r="L31" s="13"/>
      <c r="M31" s="13"/>
      <c r="N31" s="13"/>
      <c r="O31" s="14" t="s">
        <v>0</v>
      </c>
      <c r="P31" s="12"/>
      <c r="Q31" s="52">
        <v>4</v>
      </c>
      <c r="R31" s="18"/>
      <c r="T31" s="58" t="s">
        <v>579</v>
      </c>
      <c r="U31" s="10">
        <v>44</v>
      </c>
      <c r="V31" s="12"/>
      <c r="W31" s="13"/>
      <c r="X31" s="14"/>
      <c r="Y31" s="15"/>
      <c r="Z31" s="13"/>
      <c r="AA31" s="13"/>
      <c r="AB31" s="13"/>
      <c r="AC31" s="14"/>
      <c r="AD31" s="15"/>
      <c r="AE31" s="13"/>
      <c r="AF31" s="13"/>
      <c r="AG31" s="13"/>
      <c r="AH31" s="14"/>
      <c r="AI31" s="12"/>
      <c r="AJ31" s="52"/>
      <c r="AK31" s="18"/>
    </row>
    <row r="32" spans="1:37" x14ac:dyDescent="0.2">
      <c r="A32" s="58" t="s">
        <v>615</v>
      </c>
      <c r="B32" s="10">
        <v>40</v>
      </c>
      <c r="C32" s="17"/>
      <c r="D32" s="13"/>
      <c r="E32" s="14"/>
      <c r="F32" s="15"/>
      <c r="G32" s="13"/>
      <c r="H32" s="13"/>
      <c r="I32" s="13"/>
      <c r="J32" s="14"/>
      <c r="K32" s="15"/>
      <c r="L32" s="13"/>
      <c r="M32" s="13"/>
      <c r="N32" s="13"/>
      <c r="O32" s="14"/>
      <c r="P32" s="12"/>
      <c r="Q32" s="52"/>
      <c r="R32" s="18"/>
      <c r="T32" s="58" t="s">
        <v>578</v>
      </c>
      <c r="U32" s="10">
        <v>50</v>
      </c>
      <c r="V32" s="12"/>
      <c r="W32" s="13"/>
      <c r="X32" s="14"/>
      <c r="Y32" s="15"/>
      <c r="Z32" s="13"/>
      <c r="AA32" s="13"/>
      <c r="AB32" s="13"/>
      <c r="AC32" s="14"/>
      <c r="AD32" s="15"/>
      <c r="AE32" s="13"/>
      <c r="AF32" s="13"/>
      <c r="AG32" s="13"/>
      <c r="AH32" s="14"/>
      <c r="AI32" s="12"/>
      <c r="AJ32" s="52"/>
      <c r="AK32" s="18"/>
    </row>
    <row r="33" spans="1:37" x14ac:dyDescent="0.2">
      <c r="A33" s="59" t="s">
        <v>137</v>
      </c>
      <c r="B33" s="20" t="s">
        <v>259</v>
      </c>
      <c r="C33" s="26"/>
      <c r="D33" s="23"/>
      <c r="E33" s="24"/>
      <c r="F33" s="25"/>
      <c r="G33" s="23"/>
      <c r="H33" s="23"/>
      <c r="I33" s="23"/>
      <c r="J33" s="24"/>
      <c r="K33" s="25"/>
      <c r="L33" s="23" t="s">
        <v>0</v>
      </c>
      <c r="M33" s="23"/>
      <c r="N33" s="23"/>
      <c r="O33" s="24"/>
      <c r="P33" s="22"/>
      <c r="Q33" s="53">
        <v>4</v>
      </c>
      <c r="R33" s="27"/>
      <c r="T33" s="59" t="s">
        <v>577</v>
      </c>
      <c r="U33" s="20">
        <v>49</v>
      </c>
      <c r="V33" s="26"/>
      <c r="W33" s="37"/>
      <c r="X33" s="38"/>
      <c r="Y33" s="39"/>
      <c r="Z33" s="37"/>
      <c r="AA33" s="37"/>
      <c r="AB33" s="37"/>
      <c r="AC33" s="38"/>
      <c r="AD33" s="39"/>
      <c r="AE33" s="37"/>
      <c r="AF33" s="37"/>
      <c r="AG33" s="37"/>
      <c r="AH33" s="38"/>
      <c r="AI33" s="26"/>
      <c r="AJ33" s="53"/>
      <c r="AK33" s="27"/>
    </row>
    <row r="34" spans="1:37" x14ac:dyDescent="0.2">
      <c r="A34" s="60" t="s">
        <v>614</v>
      </c>
      <c r="B34" s="1">
        <v>44</v>
      </c>
      <c r="C34" s="7"/>
      <c r="D34" s="4"/>
      <c r="E34" s="5"/>
      <c r="F34" s="6"/>
      <c r="G34" s="4"/>
      <c r="H34" s="4"/>
      <c r="I34" s="4"/>
      <c r="J34" s="5"/>
      <c r="K34" s="6"/>
      <c r="L34" s="4"/>
      <c r="M34" s="4"/>
      <c r="N34" s="4"/>
      <c r="O34" s="5"/>
      <c r="P34" s="3"/>
      <c r="Q34" s="51"/>
      <c r="R34" s="8"/>
      <c r="T34" s="60" t="s">
        <v>145</v>
      </c>
      <c r="U34" s="1" t="s">
        <v>259</v>
      </c>
      <c r="V34" s="3"/>
      <c r="W34" s="4"/>
      <c r="X34" s="5"/>
      <c r="Y34" s="6"/>
      <c r="Z34" s="4"/>
      <c r="AA34" s="4"/>
      <c r="AB34" s="4"/>
      <c r="AC34" s="5" t="s">
        <v>0</v>
      </c>
      <c r="AD34" s="6" t="s">
        <v>0</v>
      </c>
      <c r="AE34" s="4"/>
      <c r="AF34" s="4"/>
      <c r="AG34" s="4"/>
      <c r="AH34" s="5"/>
      <c r="AI34" s="3"/>
      <c r="AJ34" s="51">
        <v>8</v>
      </c>
      <c r="AK34" s="8" t="s">
        <v>259</v>
      </c>
    </row>
    <row r="35" spans="1:37" x14ac:dyDescent="0.2">
      <c r="A35" s="58" t="s">
        <v>613</v>
      </c>
      <c r="B35" s="10">
        <v>49</v>
      </c>
      <c r="C35" s="17"/>
      <c r="D35" s="34"/>
      <c r="E35" s="35"/>
      <c r="F35" s="36"/>
      <c r="G35" s="34"/>
      <c r="H35" s="34"/>
      <c r="I35" s="34"/>
      <c r="J35" s="35"/>
      <c r="K35" s="36"/>
      <c r="L35" s="34"/>
      <c r="M35" s="34"/>
      <c r="N35" s="34"/>
      <c r="O35" s="35"/>
      <c r="P35" s="17"/>
      <c r="Q35" s="52"/>
      <c r="R35" s="18"/>
      <c r="T35" s="58" t="s">
        <v>576</v>
      </c>
      <c r="U35" s="10">
        <v>59</v>
      </c>
      <c r="V35" s="12"/>
      <c r="W35" s="13"/>
      <c r="X35" s="14"/>
      <c r="Y35" s="15"/>
      <c r="Z35" s="13"/>
      <c r="AA35" s="13"/>
      <c r="AB35" s="13"/>
      <c r="AC35" s="14"/>
      <c r="AD35" s="15"/>
      <c r="AE35" s="13"/>
      <c r="AF35" s="13"/>
      <c r="AG35" s="13"/>
      <c r="AH35" s="14"/>
      <c r="AI35" s="12"/>
      <c r="AJ35" s="52"/>
      <c r="AK35" s="18"/>
    </row>
    <row r="36" spans="1:37" x14ac:dyDescent="0.2">
      <c r="A36" s="58" t="s">
        <v>612</v>
      </c>
      <c r="B36" s="10">
        <v>47</v>
      </c>
      <c r="C36" s="17"/>
      <c r="D36" s="13"/>
      <c r="E36" s="14"/>
      <c r="F36" s="15"/>
      <c r="G36" s="13"/>
      <c r="H36" s="13"/>
      <c r="I36" s="13"/>
      <c r="J36" s="14"/>
      <c r="K36" s="15"/>
      <c r="L36" s="13"/>
      <c r="M36" s="13"/>
      <c r="N36" s="13"/>
      <c r="O36" s="14"/>
      <c r="P36" s="12"/>
      <c r="Q36" s="52"/>
      <c r="R36" s="18"/>
      <c r="T36" s="58" t="s">
        <v>575</v>
      </c>
      <c r="U36" s="10">
        <v>36</v>
      </c>
      <c r="V36" s="12"/>
      <c r="W36" s="13"/>
      <c r="X36" s="14"/>
      <c r="Y36" s="15"/>
      <c r="Z36" s="13"/>
      <c r="AA36" s="13"/>
      <c r="AB36" s="13"/>
      <c r="AC36" s="14"/>
      <c r="AD36" s="15"/>
      <c r="AE36" s="13"/>
      <c r="AF36" s="13"/>
      <c r="AG36" s="13"/>
      <c r="AH36" s="14"/>
      <c r="AI36" s="12"/>
      <c r="AJ36" s="52"/>
      <c r="AK36" s="18"/>
    </row>
    <row r="37" spans="1:37" x14ac:dyDescent="0.2">
      <c r="A37" s="58">
        <v>787</v>
      </c>
      <c r="B37" s="10" t="s">
        <v>259</v>
      </c>
      <c r="C37" s="12"/>
      <c r="D37" s="13"/>
      <c r="E37" s="14"/>
      <c r="F37" s="15"/>
      <c r="G37" s="13"/>
      <c r="H37" s="13"/>
      <c r="I37" s="13"/>
      <c r="J37" s="14" t="s">
        <v>1</v>
      </c>
      <c r="K37" s="15"/>
      <c r="L37" s="13"/>
      <c r="M37" s="13"/>
      <c r="N37" s="13"/>
      <c r="O37" s="14"/>
      <c r="P37" s="12"/>
      <c r="Q37" s="52">
        <v>2</v>
      </c>
      <c r="R37" s="18"/>
      <c r="T37" s="58" t="s">
        <v>574</v>
      </c>
      <c r="U37" s="10">
        <v>44</v>
      </c>
      <c r="V37" s="12"/>
      <c r="W37" s="13"/>
      <c r="X37" s="14"/>
      <c r="Y37" s="15"/>
      <c r="Z37" s="13"/>
      <c r="AA37" s="13"/>
      <c r="AB37" s="13"/>
      <c r="AC37" s="14"/>
      <c r="AD37" s="15"/>
      <c r="AE37" s="13"/>
      <c r="AF37" s="13"/>
      <c r="AG37" s="13"/>
      <c r="AH37" s="14"/>
      <c r="AI37" s="12"/>
      <c r="AJ37" s="52"/>
      <c r="AK37" s="18"/>
    </row>
    <row r="38" spans="1:37" x14ac:dyDescent="0.2">
      <c r="A38" s="59" t="s">
        <v>611</v>
      </c>
      <c r="B38" s="20">
        <v>36</v>
      </c>
      <c r="C38" s="26"/>
      <c r="D38" s="23"/>
      <c r="E38" s="24"/>
      <c r="F38" s="25"/>
      <c r="G38" s="23"/>
      <c r="H38" s="23"/>
      <c r="I38" s="23"/>
      <c r="J38" s="24"/>
      <c r="K38" s="25"/>
      <c r="L38" s="23"/>
      <c r="M38" s="23"/>
      <c r="N38" s="23"/>
      <c r="O38" s="24"/>
      <c r="P38" s="22"/>
      <c r="Q38" s="53"/>
      <c r="R38" s="27"/>
      <c r="T38" s="59" t="s">
        <v>573</v>
      </c>
      <c r="U38" s="20">
        <v>40</v>
      </c>
      <c r="V38" s="22"/>
      <c r="W38" s="23"/>
      <c r="X38" s="24"/>
      <c r="Y38" s="25"/>
      <c r="Z38" s="23"/>
      <c r="AA38" s="23"/>
      <c r="AB38" s="23"/>
      <c r="AC38" s="24"/>
      <c r="AD38" s="25"/>
      <c r="AE38" s="23"/>
      <c r="AF38" s="23"/>
      <c r="AG38" s="23"/>
      <c r="AH38" s="24"/>
      <c r="AI38" s="22"/>
      <c r="AJ38" s="53"/>
      <c r="AK38" s="27"/>
    </row>
    <row r="39" spans="1:37" x14ac:dyDescent="0.2">
      <c r="A39" s="60" t="s">
        <v>138</v>
      </c>
      <c r="B39" s="1" t="s">
        <v>259</v>
      </c>
      <c r="C39" s="7"/>
      <c r="D39" s="40"/>
      <c r="E39" s="41"/>
      <c r="F39" s="42"/>
      <c r="G39" s="40"/>
      <c r="H39" s="40"/>
      <c r="I39" s="40"/>
      <c r="J39" s="41"/>
      <c r="K39" s="42"/>
      <c r="L39" s="40"/>
      <c r="M39" s="40"/>
      <c r="N39" s="40"/>
      <c r="O39" s="41"/>
      <c r="P39" s="7"/>
      <c r="Q39" s="51">
        <v>3</v>
      </c>
      <c r="R39" s="8"/>
      <c r="T39" s="60" t="s">
        <v>146</v>
      </c>
      <c r="U39" s="1" t="s">
        <v>259</v>
      </c>
      <c r="V39" s="3"/>
      <c r="W39" s="4"/>
      <c r="X39" s="5"/>
      <c r="Y39" s="6"/>
      <c r="Z39" s="4"/>
      <c r="AA39" s="4"/>
      <c r="AB39" s="4"/>
      <c r="AC39" s="5"/>
      <c r="AD39" s="6"/>
      <c r="AE39" s="4"/>
      <c r="AF39" s="4"/>
      <c r="AG39" s="4"/>
      <c r="AH39" s="5" t="s">
        <v>0</v>
      </c>
      <c r="AI39" s="3"/>
      <c r="AJ39" s="51">
        <v>4</v>
      </c>
      <c r="AK39" s="8" t="s">
        <v>259</v>
      </c>
    </row>
    <row r="40" spans="1:37" x14ac:dyDescent="0.2">
      <c r="A40" s="58" t="s">
        <v>610</v>
      </c>
      <c r="B40" s="10">
        <v>27</v>
      </c>
      <c r="C40" s="17"/>
      <c r="D40" s="13"/>
      <c r="E40" s="14"/>
      <c r="F40" s="15"/>
      <c r="G40" s="13"/>
      <c r="H40" s="13"/>
      <c r="I40" s="13"/>
      <c r="J40" s="14"/>
      <c r="K40" s="15"/>
      <c r="L40" s="13"/>
      <c r="M40" s="13"/>
      <c r="N40" s="13"/>
      <c r="O40" s="14"/>
      <c r="P40" s="12"/>
      <c r="Q40" s="52"/>
      <c r="R40" s="18"/>
      <c r="T40" s="58" t="s">
        <v>572</v>
      </c>
      <c r="U40" s="10">
        <v>36</v>
      </c>
      <c r="V40" s="12"/>
      <c r="W40" s="13"/>
      <c r="X40" s="14"/>
      <c r="Y40" s="15"/>
      <c r="Z40" s="13"/>
      <c r="AA40" s="13"/>
      <c r="AB40" s="13"/>
      <c r="AC40" s="14"/>
      <c r="AD40" s="15"/>
      <c r="AE40" s="13"/>
      <c r="AF40" s="13"/>
      <c r="AG40" s="13"/>
      <c r="AH40" s="14"/>
      <c r="AI40" s="12"/>
      <c r="AJ40" s="52"/>
      <c r="AK40" s="18"/>
    </row>
    <row r="41" spans="1:37" x14ac:dyDescent="0.2">
      <c r="A41" s="58" t="s">
        <v>609</v>
      </c>
      <c r="B41" s="10">
        <v>40</v>
      </c>
      <c r="C41" s="17"/>
      <c r="D41" s="34"/>
      <c r="E41" s="35"/>
      <c r="F41" s="36"/>
      <c r="G41" s="34"/>
      <c r="H41" s="34"/>
      <c r="I41" s="34"/>
      <c r="J41" s="35"/>
      <c r="K41" s="36"/>
      <c r="L41" s="34"/>
      <c r="M41" s="34"/>
      <c r="N41" s="34"/>
      <c r="O41" s="35"/>
      <c r="P41" s="17"/>
      <c r="Q41" s="52"/>
      <c r="R41" s="18"/>
      <c r="T41" s="58" t="s">
        <v>571</v>
      </c>
      <c r="U41" s="10">
        <v>36</v>
      </c>
      <c r="V41" s="12"/>
      <c r="W41" s="13"/>
      <c r="X41" s="14"/>
      <c r="Y41" s="15"/>
      <c r="Z41" s="13"/>
      <c r="AA41" s="13"/>
      <c r="AB41" s="13"/>
      <c r="AC41" s="14"/>
      <c r="AD41" s="15"/>
      <c r="AE41" s="13"/>
      <c r="AF41" s="13"/>
      <c r="AG41" s="13"/>
      <c r="AH41" s="14"/>
      <c r="AI41" s="12"/>
      <c r="AJ41" s="52"/>
      <c r="AK41" s="18"/>
    </row>
    <row r="42" spans="1:37" x14ac:dyDescent="0.2">
      <c r="A42" s="58" t="s">
        <v>608</v>
      </c>
      <c r="B42" s="10">
        <v>22</v>
      </c>
      <c r="C42" s="17"/>
      <c r="D42" s="13"/>
      <c r="E42" s="14"/>
      <c r="F42" s="15"/>
      <c r="G42" s="13"/>
      <c r="H42" s="13"/>
      <c r="I42" s="13"/>
      <c r="J42" s="14"/>
      <c r="K42" s="15"/>
      <c r="L42" s="13"/>
      <c r="M42" s="13"/>
      <c r="N42" s="13"/>
      <c r="O42" s="14"/>
      <c r="P42" s="12"/>
      <c r="Q42" s="52"/>
      <c r="R42" s="18"/>
      <c r="T42" s="58" t="s">
        <v>147</v>
      </c>
      <c r="U42" s="10" t="s">
        <v>259</v>
      </c>
      <c r="V42" s="12"/>
      <c r="W42" s="13"/>
      <c r="X42" s="14"/>
      <c r="Y42" s="15"/>
      <c r="Z42" s="13"/>
      <c r="AA42" s="13"/>
      <c r="AB42" s="13"/>
      <c r="AC42" s="14"/>
      <c r="AD42" s="15"/>
      <c r="AE42" s="13" t="s">
        <v>0</v>
      </c>
      <c r="AF42" s="13"/>
      <c r="AG42" s="13"/>
      <c r="AH42" s="14"/>
      <c r="AI42" s="12"/>
      <c r="AJ42" s="52">
        <v>4</v>
      </c>
      <c r="AK42" s="18" t="s">
        <v>259</v>
      </c>
    </row>
    <row r="43" spans="1:37" x14ac:dyDescent="0.2">
      <c r="A43" s="59" t="s">
        <v>607</v>
      </c>
      <c r="B43" s="20">
        <v>31</v>
      </c>
      <c r="C43" s="26"/>
      <c r="D43" s="23"/>
      <c r="E43" s="24"/>
      <c r="F43" s="25"/>
      <c r="G43" s="23"/>
      <c r="H43" s="23"/>
      <c r="I43" s="23"/>
      <c r="J43" s="24"/>
      <c r="K43" s="25"/>
      <c r="L43" s="23"/>
      <c r="M43" s="23"/>
      <c r="N43" s="23"/>
      <c r="O43" s="24"/>
      <c r="P43" s="22"/>
      <c r="Q43" s="53"/>
      <c r="R43" s="27"/>
      <c r="T43" s="59" t="s">
        <v>570</v>
      </c>
      <c r="U43" s="20">
        <v>36</v>
      </c>
      <c r="V43" s="22"/>
      <c r="W43" s="23"/>
      <c r="X43" s="24"/>
      <c r="Y43" s="25"/>
      <c r="Z43" s="23"/>
      <c r="AA43" s="23"/>
      <c r="AB43" s="23"/>
      <c r="AC43" s="24"/>
      <c r="AD43" s="25"/>
      <c r="AE43" s="23"/>
      <c r="AF43" s="23"/>
      <c r="AG43" s="23"/>
      <c r="AH43" s="24"/>
      <c r="AI43" s="22"/>
      <c r="AJ43" s="53"/>
      <c r="AK43" s="27"/>
    </row>
    <row r="44" spans="1:37" x14ac:dyDescent="0.2">
      <c r="A44" s="60" t="s">
        <v>606</v>
      </c>
      <c r="B44" s="1">
        <v>31</v>
      </c>
      <c r="C44" s="7"/>
      <c r="D44" s="4"/>
      <c r="E44" s="5"/>
      <c r="F44" s="6"/>
      <c r="G44" s="4"/>
      <c r="H44" s="4"/>
      <c r="I44" s="4"/>
      <c r="J44" s="5"/>
      <c r="K44" s="6"/>
      <c r="L44" s="4"/>
      <c r="M44" s="4"/>
      <c r="N44" s="4"/>
      <c r="O44" s="5"/>
      <c r="P44" s="3"/>
      <c r="Q44" s="51"/>
      <c r="R44" s="8"/>
      <c r="T44" s="60" t="s">
        <v>569</v>
      </c>
      <c r="U44" s="1">
        <v>31</v>
      </c>
      <c r="V44" s="3"/>
      <c r="W44" s="4"/>
      <c r="X44" s="5"/>
      <c r="Y44" s="6"/>
      <c r="Z44" s="4"/>
      <c r="AA44" s="4"/>
      <c r="AB44" s="4"/>
      <c r="AC44" s="5"/>
      <c r="AD44" s="6"/>
      <c r="AE44" s="4"/>
      <c r="AF44" s="4"/>
      <c r="AG44" s="4"/>
      <c r="AH44" s="5"/>
      <c r="AI44" s="3"/>
      <c r="AJ44" s="51"/>
      <c r="AK44" s="8"/>
    </row>
    <row r="45" spans="1:37" x14ac:dyDescent="0.2">
      <c r="A45" s="58" t="s">
        <v>139</v>
      </c>
      <c r="B45" s="10" t="s">
        <v>259</v>
      </c>
      <c r="C45" s="12"/>
      <c r="D45" s="13"/>
      <c r="E45" s="14"/>
      <c r="F45" s="15"/>
      <c r="G45" s="13"/>
      <c r="H45" s="13"/>
      <c r="I45" s="13"/>
      <c r="J45" s="14"/>
      <c r="K45" s="15"/>
      <c r="L45" s="13"/>
      <c r="M45" s="13"/>
      <c r="N45" s="13"/>
      <c r="O45" s="14" t="s">
        <v>1</v>
      </c>
      <c r="P45" s="12"/>
      <c r="Q45" s="52">
        <v>6</v>
      </c>
      <c r="R45" s="18"/>
      <c r="T45" s="58" t="s">
        <v>568</v>
      </c>
      <c r="U45" s="10">
        <v>47</v>
      </c>
      <c r="V45" s="12"/>
      <c r="W45" s="13"/>
      <c r="X45" s="14"/>
      <c r="Y45" s="15"/>
      <c r="Z45" s="13"/>
      <c r="AA45" s="13"/>
      <c r="AB45" s="13"/>
      <c r="AC45" s="14"/>
      <c r="AD45" s="15"/>
      <c r="AE45" s="13"/>
      <c r="AF45" s="13"/>
      <c r="AG45" s="13"/>
      <c r="AH45" s="14"/>
      <c r="AI45" s="12"/>
      <c r="AJ45" s="52"/>
      <c r="AK45" s="18"/>
    </row>
    <row r="46" spans="1:37" x14ac:dyDescent="0.2">
      <c r="A46" s="58" t="s">
        <v>605</v>
      </c>
      <c r="B46" s="10">
        <v>40</v>
      </c>
      <c r="C46" s="17"/>
      <c r="D46" s="13"/>
      <c r="E46" s="14"/>
      <c r="F46" s="15"/>
      <c r="G46" s="13"/>
      <c r="H46" s="13"/>
      <c r="I46" s="13"/>
      <c r="J46" s="14"/>
      <c r="K46" s="15"/>
      <c r="L46" s="13"/>
      <c r="M46" s="13"/>
      <c r="N46" s="13"/>
      <c r="O46" s="14"/>
      <c r="P46" s="12"/>
      <c r="Q46" s="52"/>
      <c r="R46" s="18"/>
      <c r="T46" s="58" t="s">
        <v>567</v>
      </c>
      <c r="U46" s="10">
        <v>41</v>
      </c>
      <c r="V46" s="12"/>
      <c r="W46" s="13"/>
      <c r="X46" s="14"/>
      <c r="Y46" s="15"/>
      <c r="Z46" s="13"/>
      <c r="AA46" s="13"/>
      <c r="AB46" s="13"/>
      <c r="AC46" s="14"/>
      <c r="AD46" s="15"/>
      <c r="AE46" s="13"/>
      <c r="AF46" s="13"/>
      <c r="AG46" s="13"/>
      <c r="AH46" s="14"/>
      <c r="AI46" s="12"/>
      <c r="AJ46" s="52"/>
      <c r="AK46" s="18"/>
    </row>
    <row r="47" spans="1:37" x14ac:dyDescent="0.2">
      <c r="A47" s="58">
        <v>794</v>
      </c>
      <c r="B47" s="10" t="s">
        <v>259</v>
      </c>
      <c r="C47" s="12"/>
      <c r="D47" s="13"/>
      <c r="E47" s="14"/>
      <c r="F47" s="15"/>
      <c r="G47" s="13"/>
      <c r="H47" s="13"/>
      <c r="I47" s="13"/>
      <c r="J47" s="14" t="s">
        <v>1</v>
      </c>
      <c r="K47" s="15"/>
      <c r="L47" s="13"/>
      <c r="M47" s="13"/>
      <c r="N47" s="13"/>
      <c r="O47" s="14"/>
      <c r="P47" s="12"/>
      <c r="Q47" s="52">
        <v>2</v>
      </c>
      <c r="R47" s="18"/>
      <c r="T47" s="58" t="s">
        <v>566</v>
      </c>
      <c r="U47" s="10">
        <v>55</v>
      </c>
      <c r="V47" s="12"/>
      <c r="W47" s="13"/>
      <c r="X47" s="14"/>
      <c r="Y47" s="15"/>
      <c r="Z47" s="13"/>
      <c r="AA47" s="13"/>
      <c r="AB47" s="13"/>
      <c r="AC47" s="14"/>
      <c r="AD47" s="15"/>
      <c r="AE47" s="13"/>
      <c r="AF47" s="13"/>
      <c r="AG47" s="13"/>
      <c r="AH47" s="14"/>
      <c r="AI47" s="12"/>
      <c r="AJ47" s="52"/>
      <c r="AK47" s="18"/>
    </row>
    <row r="48" spans="1:37" x14ac:dyDescent="0.2">
      <c r="A48" s="59" t="s">
        <v>140</v>
      </c>
      <c r="B48" s="20" t="s">
        <v>259</v>
      </c>
      <c r="C48" s="22"/>
      <c r="D48" s="23"/>
      <c r="E48" s="24"/>
      <c r="F48" s="25"/>
      <c r="G48" s="23"/>
      <c r="H48" s="23"/>
      <c r="I48" s="23"/>
      <c r="J48" s="24" t="s">
        <v>0</v>
      </c>
      <c r="K48" s="25"/>
      <c r="L48" s="23" t="s">
        <v>0</v>
      </c>
      <c r="M48" s="23"/>
      <c r="N48" s="23"/>
      <c r="O48" s="24"/>
      <c r="P48" s="22"/>
      <c r="Q48" s="53">
        <v>8</v>
      </c>
      <c r="R48" s="27"/>
      <c r="T48" s="59" t="s">
        <v>565</v>
      </c>
      <c r="U48" s="20">
        <v>49</v>
      </c>
      <c r="V48" s="22"/>
      <c r="W48" s="23"/>
      <c r="X48" s="24"/>
      <c r="Y48" s="25"/>
      <c r="Z48" s="23"/>
      <c r="AA48" s="23"/>
      <c r="AB48" s="23"/>
      <c r="AC48" s="24"/>
      <c r="AD48" s="25"/>
      <c r="AE48" s="23"/>
      <c r="AF48" s="23"/>
      <c r="AG48" s="23"/>
      <c r="AH48" s="24"/>
      <c r="AI48" s="22"/>
      <c r="AJ48" s="53"/>
      <c r="AK48" s="27"/>
    </row>
    <row r="49" spans="1:37" x14ac:dyDescent="0.2">
      <c r="A49" s="60" t="s">
        <v>604</v>
      </c>
      <c r="B49" s="1">
        <v>46</v>
      </c>
      <c r="C49" s="3"/>
      <c r="D49" s="4"/>
      <c r="E49" s="5"/>
      <c r="F49" s="6"/>
      <c r="G49" s="4"/>
      <c r="H49" s="4"/>
      <c r="I49" s="4"/>
      <c r="J49" s="5"/>
      <c r="K49" s="6"/>
      <c r="L49" s="4"/>
      <c r="M49" s="4"/>
      <c r="N49" s="4"/>
      <c r="O49" s="5"/>
      <c r="P49" s="3"/>
      <c r="Q49" s="51"/>
      <c r="R49" s="8"/>
      <c r="T49" s="60" t="s">
        <v>564</v>
      </c>
      <c r="U49" s="1">
        <v>27</v>
      </c>
      <c r="V49" s="3"/>
      <c r="W49" s="4"/>
      <c r="X49" s="5"/>
      <c r="Y49" s="6"/>
      <c r="Z49" s="4"/>
      <c r="AA49" s="4"/>
      <c r="AB49" s="4"/>
      <c r="AC49" s="5"/>
      <c r="AD49" s="6"/>
      <c r="AE49" s="4"/>
      <c r="AF49" s="4"/>
      <c r="AG49" s="4"/>
      <c r="AH49" s="5"/>
      <c r="AI49" s="3"/>
      <c r="AJ49" s="51"/>
      <c r="AK49" s="8"/>
    </row>
    <row r="50" spans="1:37" x14ac:dyDescent="0.2">
      <c r="A50" s="58" t="s">
        <v>603</v>
      </c>
      <c r="B50" s="10">
        <v>36</v>
      </c>
      <c r="C50" s="12"/>
      <c r="D50" s="13"/>
      <c r="E50" s="14"/>
      <c r="F50" s="15"/>
      <c r="G50" s="13"/>
      <c r="H50" s="13"/>
      <c r="I50" s="13"/>
      <c r="J50" s="14"/>
      <c r="K50" s="15"/>
      <c r="L50" s="13"/>
      <c r="M50" s="13"/>
      <c r="N50" s="13"/>
      <c r="O50" s="14"/>
      <c r="P50" s="12"/>
      <c r="Q50" s="52"/>
      <c r="R50" s="18"/>
      <c r="T50" s="58" t="s">
        <v>148</v>
      </c>
      <c r="U50" s="10" t="s">
        <v>259</v>
      </c>
      <c r="V50" s="12"/>
      <c r="W50" s="13"/>
      <c r="X50" s="14"/>
      <c r="Y50" s="15"/>
      <c r="Z50" s="13"/>
      <c r="AA50" s="13"/>
      <c r="AB50" s="13"/>
      <c r="AC50" s="14"/>
      <c r="AD50" s="15"/>
      <c r="AE50" s="13"/>
      <c r="AF50" s="13"/>
      <c r="AG50" s="13"/>
      <c r="AH50" s="14" t="s">
        <v>0</v>
      </c>
      <c r="AI50" s="12"/>
      <c r="AJ50" s="52">
        <v>4</v>
      </c>
      <c r="AK50" s="18" t="s">
        <v>259</v>
      </c>
    </row>
    <row r="51" spans="1:37" x14ac:dyDescent="0.2">
      <c r="A51" s="58" t="s">
        <v>602</v>
      </c>
      <c r="B51" s="10">
        <v>31</v>
      </c>
      <c r="C51" s="12"/>
      <c r="D51" s="13"/>
      <c r="E51" s="14"/>
      <c r="F51" s="15"/>
      <c r="G51" s="13"/>
      <c r="H51" s="13"/>
      <c r="I51" s="13"/>
      <c r="J51" s="14"/>
      <c r="K51" s="15"/>
      <c r="L51" s="13"/>
      <c r="M51" s="13"/>
      <c r="N51" s="13"/>
      <c r="O51" s="14"/>
      <c r="P51" s="12"/>
      <c r="Q51" s="52"/>
      <c r="R51" s="18"/>
      <c r="T51" s="58" t="s">
        <v>563</v>
      </c>
      <c r="U51" s="10">
        <v>50</v>
      </c>
      <c r="V51" s="12"/>
      <c r="W51" s="13"/>
      <c r="X51" s="14"/>
      <c r="Y51" s="15"/>
      <c r="Z51" s="13"/>
      <c r="AA51" s="13"/>
      <c r="AB51" s="13"/>
      <c r="AC51" s="14"/>
      <c r="AD51" s="15"/>
      <c r="AE51" s="13"/>
      <c r="AF51" s="13"/>
      <c r="AG51" s="13"/>
      <c r="AH51" s="14"/>
      <c r="AI51" s="12"/>
      <c r="AJ51" s="52"/>
      <c r="AK51" s="18"/>
    </row>
    <row r="52" spans="1:37" x14ac:dyDescent="0.2">
      <c r="A52" s="58" t="s">
        <v>141</v>
      </c>
      <c r="B52" s="10" t="s">
        <v>259</v>
      </c>
      <c r="C52" s="17"/>
      <c r="D52" s="13"/>
      <c r="E52" s="14"/>
      <c r="F52" s="15"/>
      <c r="G52" s="13"/>
      <c r="H52" s="13"/>
      <c r="I52" s="13"/>
      <c r="J52" s="14"/>
      <c r="K52" s="15"/>
      <c r="L52" s="13" t="s">
        <v>0</v>
      </c>
      <c r="M52" s="13"/>
      <c r="N52" s="13"/>
      <c r="O52" s="14"/>
      <c r="P52" s="12"/>
      <c r="Q52" s="52">
        <v>4</v>
      </c>
      <c r="R52" s="18"/>
      <c r="T52" s="58" t="s">
        <v>562</v>
      </c>
      <c r="U52" s="10">
        <v>40</v>
      </c>
      <c r="V52" s="12"/>
      <c r="W52" s="13"/>
      <c r="X52" s="14"/>
      <c r="Y52" s="15"/>
      <c r="Z52" s="13"/>
      <c r="AA52" s="13"/>
      <c r="AB52" s="13"/>
      <c r="AC52" s="14"/>
      <c r="AD52" s="15"/>
      <c r="AE52" s="13"/>
      <c r="AF52" s="13"/>
      <c r="AG52" s="13"/>
      <c r="AH52" s="14"/>
      <c r="AI52" s="12"/>
      <c r="AJ52" s="52"/>
      <c r="AK52" s="18"/>
    </row>
    <row r="53" spans="1:37" x14ac:dyDescent="0.2">
      <c r="A53" s="59" t="s">
        <v>601</v>
      </c>
      <c r="B53" s="20">
        <v>36</v>
      </c>
      <c r="C53" s="22"/>
      <c r="D53" s="23"/>
      <c r="E53" s="24"/>
      <c r="F53" s="25"/>
      <c r="G53" s="23"/>
      <c r="H53" s="23"/>
      <c r="I53" s="23"/>
      <c r="J53" s="24"/>
      <c r="K53" s="25"/>
      <c r="L53" s="23"/>
      <c r="M53" s="23"/>
      <c r="N53" s="23"/>
      <c r="O53" s="24"/>
      <c r="P53" s="22"/>
      <c r="Q53" s="53"/>
      <c r="R53" s="27"/>
      <c r="T53" s="59" t="s">
        <v>561</v>
      </c>
      <c r="U53" s="20">
        <v>36</v>
      </c>
      <c r="V53" s="22"/>
      <c r="W53" s="23"/>
      <c r="X53" s="24"/>
      <c r="Y53" s="25"/>
      <c r="Z53" s="23"/>
      <c r="AA53" s="23"/>
      <c r="AB53" s="23"/>
      <c r="AC53" s="24"/>
      <c r="AD53" s="25"/>
      <c r="AE53" s="23"/>
      <c r="AF53" s="23"/>
      <c r="AG53" s="23"/>
      <c r="AH53" s="24"/>
      <c r="AI53" s="22"/>
      <c r="AJ53" s="53"/>
      <c r="AK53" s="27"/>
    </row>
    <row r="54" spans="1:37" x14ac:dyDescent="0.2">
      <c r="A54" s="58"/>
      <c r="B54" s="11"/>
      <c r="C54" s="17"/>
      <c r="D54" s="13"/>
      <c r="E54" s="14"/>
      <c r="F54" s="15"/>
      <c r="G54" s="13"/>
      <c r="H54" s="13"/>
      <c r="I54" s="13"/>
      <c r="J54" s="14"/>
      <c r="K54" s="15"/>
      <c r="L54" s="13"/>
      <c r="M54" s="13"/>
      <c r="N54" s="13"/>
      <c r="O54" s="14"/>
      <c r="P54" s="12"/>
      <c r="Q54" s="52"/>
      <c r="R54" s="18"/>
    </row>
    <row r="55" spans="1:37" x14ac:dyDescent="0.2">
      <c r="A55" s="58"/>
      <c r="B55" s="11"/>
      <c r="C55" s="17"/>
      <c r="D55" s="13"/>
      <c r="E55" s="14"/>
      <c r="F55" s="15"/>
      <c r="G55" s="13"/>
      <c r="H55" s="13"/>
      <c r="I55" s="13"/>
      <c r="J55" s="14"/>
      <c r="K55" s="15"/>
      <c r="L55" s="13"/>
      <c r="M55" s="13"/>
      <c r="N55" s="13"/>
      <c r="O55" s="14"/>
      <c r="P55" s="12"/>
      <c r="Q55" s="52"/>
      <c r="R55" s="18"/>
    </row>
    <row r="56" spans="1:37" x14ac:dyDescent="0.2">
      <c r="A56" s="59"/>
      <c r="B56" s="21"/>
      <c r="C56" s="26"/>
      <c r="D56" s="23"/>
      <c r="E56" s="24"/>
      <c r="F56" s="25"/>
      <c r="G56" s="23"/>
      <c r="H56" s="23"/>
      <c r="I56" s="23"/>
      <c r="J56" s="24"/>
      <c r="K56" s="25"/>
      <c r="L56" s="23"/>
      <c r="M56" s="23"/>
      <c r="N56" s="23"/>
      <c r="O56" s="24"/>
      <c r="P56" s="22"/>
      <c r="Q56" s="53"/>
      <c r="R56" s="27"/>
    </row>
    <row r="57" spans="1:37" x14ac:dyDescent="0.2">
      <c r="A57" s="60"/>
      <c r="B57" s="2"/>
      <c r="C57" s="7"/>
      <c r="D57" s="4"/>
      <c r="E57" s="5"/>
      <c r="F57" s="6"/>
      <c r="G57" s="4"/>
      <c r="H57" s="4"/>
      <c r="I57" s="4"/>
      <c r="J57" s="5"/>
      <c r="K57" s="6"/>
      <c r="L57" s="4"/>
      <c r="M57" s="4"/>
      <c r="N57" s="4"/>
      <c r="O57" s="5"/>
      <c r="P57" s="3"/>
      <c r="Q57" s="51"/>
      <c r="R57" s="8"/>
    </row>
    <row r="58" spans="1:37" x14ac:dyDescent="0.2">
      <c r="A58" s="58"/>
      <c r="B58" s="11"/>
      <c r="C58" s="17"/>
      <c r="D58" s="13"/>
      <c r="E58" s="14"/>
      <c r="F58" s="15"/>
      <c r="G58" s="13"/>
      <c r="H58" s="13"/>
      <c r="I58" s="13"/>
      <c r="J58" s="14"/>
      <c r="K58" s="15"/>
      <c r="L58" s="13"/>
      <c r="M58" s="13"/>
      <c r="N58" s="13"/>
      <c r="O58" s="14"/>
      <c r="P58" s="12"/>
      <c r="Q58" s="52"/>
      <c r="R58" s="18"/>
    </row>
    <row r="59" spans="1:37" x14ac:dyDescent="0.2">
      <c r="A59" s="58"/>
      <c r="B59" s="11"/>
      <c r="C59" s="17"/>
      <c r="D59" s="13"/>
      <c r="E59" s="14"/>
      <c r="F59" s="15"/>
      <c r="G59" s="13"/>
      <c r="H59" s="13"/>
      <c r="I59" s="13"/>
      <c r="J59" s="14"/>
      <c r="K59" s="15"/>
      <c r="L59" s="13"/>
      <c r="M59" s="13"/>
      <c r="N59" s="13"/>
      <c r="O59" s="14"/>
      <c r="P59" s="12"/>
      <c r="Q59" s="52"/>
      <c r="R59" s="18"/>
    </row>
    <row r="60" spans="1:37" x14ac:dyDescent="0.2">
      <c r="A60" s="58"/>
      <c r="B60" s="11"/>
      <c r="C60" s="17"/>
      <c r="D60" s="13"/>
      <c r="E60" s="14"/>
      <c r="F60" s="15"/>
      <c r="G60" s="13"/>
      <c r="H60" s="13"/>
      <c r="I60" s="13"/>
      <c r="J60" s="14"/>
      <c r="K60" s="15"/>
      <c r="L60" s="13"/>
      <c r="M60" s="13"/>
      <c r="N60" s="13"/>
      <c r="O60" s="14"/>
      <c r="P60" s="12"/>
      <c r="Q60" s="52"/>
      <c r="R60" s="18"/>
    </row>
    <row r="61" spans="1:37" x14ac:dyDescent="0.2">
      <c r="A61" s="59"/>
      <c r="B61" s="21"/>
      <c r="C61" s="26"/>
      <c r="D61" s="23"/>
      <c r="E61" s="24"/>
      <c r="F61" s="25"/>
      <c r="G61" s="23"/>
      <c r="H61" s="23"/>
      <c r="I61" s="23"/>
      <c r="J61" s="24"/>
      <c r="K61" s="25"/>
      <c r="L61" s="23"/>
      <c r="M61" s="23"/>
      <c r="N61" s="23"/>
      <c r="O61" s="24"/>
      <c r="P61" s="22"/>
      <c r="Q61" s="53"/>
      <c r="R61" s="27"/>
    </row>
    <row r="62" spans="1:37" x14ac:dyDescent="0.2">
      <c r="A62" s="60"/>
      <c r="B62" s="2"/>
      <c r="C62" s="7"/>
      <c r="D62" s="4"/>
      <c r="E62" s="5"/>
      <c r="F62" s="6"/>
      <c r="G62" s="4"/>
      <c r="H62" s="4"/>
      <c r="I62" s="4"/>
      <c r="J62" s="5"/>
      <c r="K62" s="6"/>
      <c r="L62" s="4"/>
      <c r="M62" s="4"/>
      <c r="N62" s="4"/>
      <c r="O62" s="5"/>
      <c r="P62" s="3"/>
      <c r="Q62" s="51"/>
      <c r="R62" s="8"/>
    </row>
    <row r="63" spans="1:37" x14ac:dyDescent="0.2">
      <c r="A63" s="58"/>
      <c r="B63" s="11"/>
      <c r="C63" s="17"/>
      <c r="D63" s="13"/>
      <c r="E63" s="14"/>
      <c r="F63" s="15"/>
      <c r="G63" s="13"/>
      <c r="H63" s="13"/>
      <c r="I63" s="13"/>
      <c r="J63" s="14"/>
      <c r="K63" s="15"/>
      <c r="L63" s="13"/>
      <c r="M63" s="13"/>
      <c r="N63" s="13"/>
      <c r="O63" s="14"/>
      <c r="P63" s="12"/>
      <c r="Q63" s="52"/>
      <c r="R63" s="18"/>
    </row>
    <row r="64" spans="1:37" x14ac:dyDescent="0.2">
      <c r="A64" s="58"/>
      <c r="B64" s="11"/>
      <c r="C64" s="17"/>
      <c r="D64" s="13"/>
      <c r="E64" s="14"/>
      <c r="F64" s="15"/>
      <c r="G64" s="13"/>
      <c r="H64" s="13"/>
      <c r="I64" s="13"/>
      <c r="J64" s="14"/>
      <c r="K64" s="15"/>
      <c r="L64" s="13"/>
      <c r="M64" s="13"/>
      <c r="N64" s="13"/>
      <c r="O64" s="14"/>
      <c r="P64" s="12"/>
      <c r="Q64" s="52"/>
      <c r="R64" s="18"/>
    </row>
    <row r="65" spans="1:18" x14ac:dyDescent="0.2">
      <c r="A65" s="58"/>
      <c r="B65" s="11"/>
      <c r="C65" s="17"/>
      <c r="D65" s="13"/>
      <c r="E65" s="14"/>
      <c r="F65" s="15"/>
      <c r="G65" s="13"/>
      <c r="H65" s="13"/>
      <c r="I65" s="13"/>
      <c r="J65" s="14"/>
      <c r="K65" s="15"/>
      <c r="L65" s="13"/>
      <c r="M65" s="13"/>
      <c r="N65" s="13"/>
      <c r="O65" s="14"/>
      <c r="P65" s="12"/>
      <c r="Q65" s="52"/>
      <c r="R65" s="18"/>
    </row>
    <row r="66" spans="1:18" x14ac:dyDescent="0.2">
      <c r="A66" s="59"/>
      <c r="B66" s="21"/>
      <c r="C66" s="26"/>
      <c r="D66" s="23"/>
      <c r="E66" s="24"/>
      <c r="F66" s="25"/>
      <c r="G66" s="23"/>
      <c r="H66" s="23"/>
      <c r="I66" s="23"/>
      <c r="J66" s="24"/>
      <c r="K66" s="25"/>
      <c r="L66" s="23"/>
      <c r="M66" s="23"/>
      <c r="N66" s="23"/>
      <c r="O66" s="24"/>
      <c r="P66" s="22"/>
      <c r="Q66" s="53"/>
      <c r="R66" s="27"/>
    </row>
  </sheetData>
  <mergeCells count="16">
    <mergeCell ref="T1:AK1"/>
    <mergeCell ref="T2:T3"/>
    <mergeCell ref="U2:U3"/>
    <mergeCell ref="V2:V3"/>
    <mergeCell ref="W2:AH2"/>
    <mergeCell ref="AI2:AI3"/>
    <mergeCell ref="AJ2:AJ3"/>
    <mergeCell ref="AK2:AK3"/>
    <mergeCell ref="A1:R1"/>
    <mergeCell ref="A2:A3"/>
    <mergeCell ref="B2:B3"/>
    <mergeCell ref="C2:C3"/>
    <mergeCell ref="D2:O2"/>
    <mergeCell ref="P2:P3"/>
    <mergeCell ref="Q2:Q3"/>
    <mergeCell ref="R2:R3"/>
  </mergeCells>
  <printOptions horizontalCentered="1"/>
  <pageMargins left="0.15" right="0.15" top="0.75" bottom="0.25" header="0.55000000000000004" footer="0.05"/>
  <pageSetup paperSize="3" scale="95" fitToHeight="40" orientation="portrait" r:id="rId1"/>
  <headerFooter scaleWithDoc="0" alignWithMargins="0">
    <oddHeader>&amp;L&amp;12San Mateo - Hayward Br (Br #35-0054)&amp;C&amp;"-,Bold"&amp;12Defect Schedule&amp;R&amp;12&amp;D</oddHeader>
    <oddFooter>&amp;R&amp;10&amp;P/&amp;N</oddFooter>
  </headerFooter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8A9A855-E54A-495B-9140-10B6AF2D3BA8}">
  <sheetPr>
    <pageSetUpPr fitToPage="1"/>
  </sheetPr>
  <dimension ref="A1:AK67"/>
  <sheetViews>
    <sheetView view="pageBreakPreview" zoomScaleNormal="130" zoomScaleSheetLayoutView="100" workbookViewId="0">
      <selection sqref="A1:R1"/>
    </sheetView>
  </sheetViews>
  <sheetFormatPr defaultColWidth="8.7109375" defaultRowHeight="11.25" x14ac:dyDescent="0.2"/>
  <cols>
    <col min="1" max="1" width="5.42578125" style="81" customWidth="1"/>
    <col min="2" max="3" width="4.140625" style="75" customWidth="1"/>
    <col min="4" max="4" width="3.7109375" style="82" customWidth="1"/>
    <col min="5" max="5" width="3.7109375" style="83" customWidth="1"/>
    <col min="6" max="6" width="3.7109375" style="84" customWidth="1"/>
    <col min="7" max="9" width="3.7109375" style="82" customWidth="1"/>
    <col min="10" max="10" width="3.7109375" style="83" customWidth="1"/>
    <col min="11" max="11" width="3.7109375" style="84" customWidth="1"/>
    <col min="12" max="14" width="3.7109375" style="82" customWidth="1"/>
    <col min="15" max="15" width="4" style="83" customWidth="1"/>
    <col min="16" max="16" width="3.7109375" style="74" customWidth="1"/>
    <col min="17" max="17" width="3.7109375" style="85" customWidth="1"/>
    <col min="18" max="18" width="3.7109375" style="86" customWidth="1"/>
    <col min="19" max="19" width="3.42578125" style="71" customWidth="1"/>
    <col min="20" max="20" width="5.42578125" style="78" customWidth="1"/>
    <col min="21" max="22" width="4.140625" style="78" customWidth="1"/>
    <col min="23" max="33" width="3.7109375" style="78" customWidth="1"/>
    <col min="34" max="34" width="4" style="78" customWidth="1"/>
    <col min="35" max="37" width="3.7109375" style="78" customWidth="1"/>
    <col min="38" max="38" width="8.7109375" style="78"/>
    <col min="39" max="40" width="2.7109375" style="78" bestFit="1" customWidth="1"/>
    <col min="41" max="41" width="8.7109375" style="78"/>
    <col min="42" max="43" width="2.7109375" style="78" bestFit="1" customWidth="1"/>
    <col min="44" max="16384" width="8.7109375" style="78"/>
  </cols>
  <sheetData>
    <row r="1" spans="1:37" s="75" customFormat="1" ht="12" customHeight="1" x14ac:dyDescent="0.25">
      <c r="A1" s="73" t="s">
        <v>5</v>
      </c>
      <c r="B1" s="73"/>
      <c r="C1" s="73"/>
      <c r="D1" s="73"/>
      <c r="E1" s="73"/>
      <c r="F1" s="73"/>
      <c r="G1" s="73"/>
      <c r="H1" s="73"/>
      <c r="I1" s="73"/>
      <c r="J1" s="73"/>
      <c r="K1" s="73"/>
      <c r="L1" s="73"/>
      <c r="M1" s="73"/>
      <c r="N1" s="73"/>
      <c r="O1" s="73"/>
      <c r="P1" s="73"/>
      <c r="Q1" s="73"/>
      <c r="R1" s="73"/>
      <c r="S1" s="74"/>
      <c r="T1" s="73" t="s">
        <v>5</v>
      </c>
      <c r="U1" s="73"/>
      <c r="V1" s="73"/>
      <c r="W1" s="73"/>
      <c r="X1" s="73"/>
      <c r="Y1" s="73"/>
      <c r="Z1" s="73"/>
      <c r="AA1" s="73"/>
      <c r="AB1" s="73"/>
      <c r="AC1" s="73"/>
      <c r="AD1" s="73"/>
      <c r="AE1" s="73"/>
      <c r="AF1" s="73"/>
      <c r="AG1" s="73"/>
      <c r="AH1" s="73"/>
      <c r="AI1" s="73"/>
      <c r="AJ1" s="73"/>
      <c r="AK1" s="73"/>
    </row>
    <row r="2" spans="1:37" s="75" customFormat="1" ht="15" customHeight="1" x14ac:dyDescent="0.25">
      <c r="A2" s="76" t="s">
        <v>1103</v>
      </c>
      <c r="B2" s="76" t="s">
        <v>1104</v>
      </c>
      <c r="C2" s="73" t="s">
        <v>6</v>
      </c>
      <c r="D2" s="73" t="s">
        <v>260</v>
      </c>
      <c r="E2" s="73"/>
      <c r="F2" s="73"/>
      <c r="G2" s="73"/>
      <c r="H2" s="73"/>
      <c r="I2" s="73"/>
      <c r="J2" s="73"/>
      <c r="K2" s="73"/>
      <c r="L2" s="73"/>
      <c r="M2" s="73"/>
      <c r="N2" s="73"/>
      <c r="O2" s="73"/>
      <c r="P2" s="73" t="s">
        <v>7</v>
      </c>
      <c r="Q2" s="72" t="s">
        <v>8</v>
      </c>
      <c r="R2" s="72" t="s">
        <v>1105</v>
      </c>
      <c r="S2" s="74"/>
      <c r="T2" s="76" t="s">
        <v>1103</v>
      </c>
      <c r="U2" s="76" t="s">
        <v>1104</v>
      </c>
      <c r="V2" s="73" t="s">
        <v>6</v>
      </c>
      <c r="W2" s="73" t="s">
        <v>260</v>
      </c>
      <c r="X2" s="73"/>
      <c r="Y2" s="73"/>
      <c r="Z2" s="73"/>
      <c r="AA2" s="73"/>
      <c r="AB2" s="73"/>
      <c r="AC2" s="73"/>
      <c r="AD2" s="73"/>
      <c r="AE2" s="73"/>
      <c r="AF2" s="73"/>
      <c r="AG2" s="73"/>
      <c r="AH2" s="73"/>
      <c r="AI2" s="73" t="s">
        <v>7</v>
      </c>
      <c r="AJ2" s="72" t="s">
        <v>8</v>
      </c>
      <c r="AK2" s="72" t="s">
        <v>1105</v>
      </c>
    </row>
    <row r="3" spans="1:37" ht="25.5" customHeight="1" x14ac:dyDescent="0.2">
      <c r="A3" s="76"/>
      <c r="B3" s="76"/>
      <c r="C3" s="73"/>
      <c r="D3" s="77">
        <v>12</v>
      </c>
      <c r="E3" s="77">
        <v>11</v>
      </c>
      <c r="F3" s="77">
        <v>10</v>
      </c>
      <c r="G3" s="77">
        <v>9</v>
      </c>
      <c r="H3" s="77">
        <v>8</v>
      </c>
      <c r="I3" s="77">
        <v>7</v>
      </c>
      <c r="J3" s="77">
        <v>6</v>
      </c>
      <c r="K3" s="77">
        <v>5</v>
      </c>
      <c r="L3" s="77">
        <v>4</v>
      </c>
      <c r="M3" s="77">
        <v>3</v>
      </c>
      <c r="N3" s="77">
        <v>2</v>
      </c>
      <c r="O3" s="77">
        <v>1</v>
      </c>
      <c r="P3" s="73"/>
      <c r="Q3" s="72"/>
      <c r="R3" s="72"/>
      <c r="T3" s="76"/>
      <c r="U3" s="76"/>
      <c r="V3" s="73"/>
      <c r="W3" s="77">
        <v>12</v>
      </c>
      <c r="X3" s="77">
        <v>11</v>
      </c>
      <c r="Y3" s="77">
        <v>10</v>
      </c>
      <c r="Z3" s="77">
        <v>9</v>
      </c>
      <c r="AA3" s="77">
        <v>8</v>
      </c>
      <c r="AB3" s="77">
        <v>7</v>
      </c>
      <c r="AC3" s="77">
        <v>6</v>
      </c>
      <c r="AD3" s="77">
        <v>5</v>
      </c>
      <c r="AE3" s="77">
        <v>4</v>
      </c>
      <c r="AF3" s="77">
        <v>3</v>
      </c>
      <c r="AG3" s="77">
        <v>2</v>
      </c>
      <c r="AH3" s="77">
        <v>1</v>
      </c>
      <c r="AI3" s="73"/>
      <c r="AJ3" s="72"/>
      <c r="AK3" s="72"/>
    </row>
    <row r="4" spans="1:37" x14ac:dyDescent="0.2">
      <c r="A4" s="63">
        <v>838</v>
      </c>
      <c r="B4" s="44" t="s">
        <v>259</v>
      </c>
      <c r="C4" s="49"/>
      <c r="D4" s="46"/>
      <c r="E4" s="47"/>
      <c r="F4" s="48"/>
      <c r="G4" s="46"/>
      <c r="H4" s="46"/>
      <c r="I4" s="46"/>
      <c r="J4" s="47"/>
      <c r="K4" s="48"/>
      <c r="L4" s="46" t="s">
        <v>1</v>
      </c>
      <c r="M4" s="46" t="s">
        <v>1</v>
      </c>
      <c r="N4" s="46"/>
      <c r="O4" s="47"/>
      <c r="P4" s="49"/>
      <c r="Q4" s="56">
        <v>4</v>
      </c>
      <c r="R4" s="50" t="s">
        <v>259</v>
      </c>
      <c r="T4" s="63" t="s">
        <v>525</v>
      </c>
      <c r="U4" s="43">
        <v>49</v>
      </c>
      <c r="V4" s="49"/>
      <c r="W4" s="46"/>
      <c r="X4" s="47"/>
      <c r="Y4" s="48"/>
      <c r="Z4" s="46"/>
      <c r="AA4" s="46"/>
      <c r="AB4" s="46"/>
      <c r="AC4" s="47"/>
      <c r="AD4" s="48"/>
      <c r="AE4" s="46"/>
      <c r="AF4" s="46"/>
      <c r="AG4" s="46"/>
      <c r="AH4" s="47"/>
      <c r="AI4" s="49"/>
      <c r="AJ4" s="56"/>
      <c r="AK4" s="50"/>
    </row>
    <row r="5" spans="1:37" x14ac:dyDescent="0.2">
      <c r="A5" s="58" t="s">
        <v>149</v>
      </c>
      <c r="B5" s="10" t="s">
        <v>259</v>
      </c>
      <c r="C5" s="12"/>
      <c r="D5" s="13"/>
      <c r="E5" s="14"/>
      <c r="F5" s="15"/>
      <c r="G5" s="13"/>
      <c r="H5" s="13"/>
      <c r="I5" s="13"/>
      <c r="J5" s="14"/>
      <c r="K5" s="15"/>
      <c r="L5" s="13"/>
      <c r="M5" s="13"/>
      <c r="N5" s="13"/>
      <c r="O5" s="14" t="s">
        <v>0</v>
      </c>
      <c r="P5" s="12"/>
      <c r="Q5" s="52">
        <v>4</v>
      </c>
      <c r="R5" s="18" t="s">
        <v>259</v>
      </c>
      <c r="T5" s="58" t="s">
        <v>524</v>
      </c>
      <c r="U5" s="11">
        <v>28</v>
      </c>
      <c r="V5" s="12"/>
      <c r="W5" s="13"/>
      <c r="X5" s="14"/>
      <c r="Y5" s="15"/>
      <c r="Z5" s="13"/>
      <c r="AA5" s="13"/>
      <c r="AB5" s="13"/>
      <c r="AC5" s="14"/>
      <c r="AD5" s="15"/>
      <c r="AE5" s="13"/>
      <c r="AF5" s="13"/>
      <c r="AG5" s="13"/>
      <c r="AH5" s="14"/>
      <c r="AI5" s="12"/>
      <c r="AJ5" s="52"/>
      <c r="AK5" s="18"/>
    </row>
    <row r="6" spans="1:37" x14ac:dyDescent="0.2">
      <c r="A6" s="58" t="s">
        <v>560</v>
      </c>
      <c r="B6" s="10">
        <v>22</v>
      </c>
      <c r="C6" s="17"/>
      <c r="D6" s="13"/>
      <c r="E6" s="14"/>
      <c r="F6" s="15"/>
      <c r="G6" s="13"/>
      <c r="H6" s="13"/>
      <c r="I6" s="13"/>
      <c r="J6" s="14"/>
      <c r="K6" s="15"/>
      <c r="L6" s="13"/>
      <c r="M6" s="13"/>
      <c r="N6" s="13"/>
      <c r="O6" s="14"/>
      <c r="P6" s="12"/>
      <c r="Q6" s="52"/>
      <c r="R6" s="18"/>
      <c r="T6" s="58" t="s">
        <v>523</v>
      </c>
      <c r="U6" s="11">
        <v>40</v>
      </c>
      <c r="V6" s="12"/>
      <c r="W6" s="13"/>
      <c r="X6" s="14"/>
      <c r="Y6" s="15"/>
      <c r="Z6" s="13"/>
      <c r="AA6" s="13"/>
      <c r="AB6" s="13"/>
      <c r="AC6" s="14"/>
      <c r="AD6" s="15"/>
      <c r="AE6" s="13"/>
      <c r="AF6" s="13"/>
      <c r="AG6" s="13"/>
      <c r="AH6" s="14"/>
      <c r="AI6" s="12"/>
      <c r="AJ6" s="52"/>
      <c r="AK6" s="18"/>
    </row>
    <row r="7" spans="1:37" x14ac:dyDescent="0.2">
      <c r="A7" s="58" t="s">
        <v>559</v>
      </c>
      <c r="B7" s="10">
        <v>40</v>
      </c>
      <c r="C7" s="12"/>
      <c r="D7" s="13"/>
      <c r="E7" s="14"/>
      <c r="F7" s="15"/>
      <c r="G7" s="13"/>
      <c r="H7" s="13"/>
      <c r="I7" s="13"/>
      <c r="J7" s="14"/>
      <c r="K7" s="15"/>
      <c r="L7" s="13"/>
      <c r="M7" s="13"/>
      <c r="N7" s="13"/>
      <c r="O7" s="14"/>
      <c r="P7" s="12"/>
      <c r="Q7" s="52"/>
      <c r="R7" s="18"/>
      <c r="T7" s="58" t="s">
        <v>162</v>
      </c>
      <c r="U7" s="11" t="s">
        <v>259</v>
      </c>
      <c r="V7" s="17"/>
      <c r="W7" s="13"/>
      <c r="X7" s="14"/>
      <c r="Y7" s="15"/>
      <c r="Z7" s="13"/>
      <c r="AA7" s="13"/>
      <c r="AB7" s="13"/>
      <c r="AC7" s="14"/>
      <c r="AD7" s="15"/>
      <c r="AE7" s="13" t="s">
        <v>0</v>
      </c>
      <c r="AF7" s="13"/>
      <c r="AG7" s="13"/>
      <c r="AH7" s="14"/>
      <c r="AI7" s="12"/>
      <c r="AJ7" s="52">
        <v>4</v>
      </c>
      <c r="AK7" s="18" t="s">
        <v>259</v>
      </c>
    </row>
    <row r="8" spans="1:37" x14ac:dyDescent="0.2">
      <c r="A8" s="59" t="s">
        <v>558</v>
      </c>
      <c r="B8" s="20">
        <v>40</v>
      </c>
      <c r="C8" s="22"/>
      <c r="D8" s="23"/>
      <c r="E8" s="24"/>
      <c r="F8" s="25"/>
      <c r="G8" s="23"/>
      <c r="H8" s="23"/>
      <c r="I8" s="23"/>
      <c r="J8" s="24"/>
      <c r="K8" s="25"/>
      <c r="L8" s="23"/>
      <c r="M8" s="23"/>
      <c r="N8" s="23"/>
      <c r="O8" s="24"/>
      <c r="P8" s="22"/>
      <c r="Q8" s="53"/>
      <c r="R8" s="27"/>
      <c r="T8" s="59" t="s">
        <v>522</v>
      </c>
      <c r="U8" s="21">
        <v>22</v>
      </c>
      <c r="V8" s="26"/>
      <c r="W8" s="23"/>
      <c r="X8" s="24"/>
      <c r="Y8" s="25"/>
      <c r="Z8" s="23"/>
      <c r="AA8" s="23"/>
      <c r="AB8" s="23"/>
      <c r="AC8" s="24"/>
      <c r="AD8" s="25"/>
      <c r="AE8" s="23"/>
      <c r="AF8" s="23"/>
      <c r="AG8" s="23"/>
      <c r="AH8" s="24"/>
      <c r="AI8" s="22"/>
      <c r="AJ8" s="53"/>
      <c r="AK8" s="27"/>
    </row>
    <row r="9" spans="1:37" x14ac:dyDescent="0.2">
      <c r="A9" s="60" t="s">
        <v>557</v>
      </c>
      <c r="B9" s="1">
        <v>36</v>
      </c>
      <c r="C9" s="3"/>
      <c r="D9" s="4"/>
      <c r="E9" s="5"/>
      <c r="F9" s="6"/>
      <c r="G9" s="4"/>
      <c r="H9" s="4"/>
      <c r="I9" s="4"/>
      <c r="J9" s="5"/>
      <c r="K9" s="6"/>
      <c r="L9" s="4"/>
      <c r="M9" s="4"/>
      <c r="N9" s="4"/>
      <c r="O9" s="5"/>
      <c r="P9" s="3"/>
      <c r="Q9" s="51"/>
      <c r="R9" s="8"/>
      <c r="T9" s="60" t="s">
        <v>521</v>
      </c>
      <c r="U9" s="30">
        <v>31</v>
      </c>
      <c r="V9" s="7"/>
      <c r="W9" s="40"/>
      <c r="X9" s="41"/>
      <c r="Y9" s="42"/>
      <c r="Z9" s="40"/>
      <c r="AA9" s="40"/>
      <c r="AB9" s="40"/>
      <c r="AC9" s="41"/>
      <c r="AD9" s="42"/>
      <c r="AE9" s="40"/>
      <c r="AF9" s="40"/>
      <c r="AG9" s="40"/>
      <c r="AH9" s="41"/>
      <c r="AI9" s="7"/>
      <c r="AJ9" s="51"/>
      <c r="AK9" s="8"/>
    </row>
    <row r="10" spans="1:37" x14ac:dyDescent="0.2">
      <c r="A10" s="58" t="s">
        <v>556</v>
      </c>
      <c r="B10" s="10">
        <v>43</v>
      </c>
      <c r="C10" s="12"/>
      <c r="D10" s="13"/>
      <c r="E10" s="14"/>
      <c r="F10" s="15"/>
      <c r="G10" s="13"/>
      <c r="H10" s="13"/>
      <c r="I10" s="13"/>
      <c r="J10" s="14"/>
      <c r="K10" s="15"/>
      <c r="L10" s="13"/>
      <c r="M10" s="13"/>
      <c r="N10" s="13"/>
      <c r="O10" s="14"/>
      <c r="P10" s="12"/>
      <c r="Q10" s="52"/>
      <c r="R10" s="18"/>
      <c r="T10" s="58" t="s">
        <v>520</v>
      </c>
      <c r="U10" s="33">
        <v>37</v>
      </c>
      <c r="V10" s="17"/>
      <c r="W10" s="34"/>
      <c r="X10" s="35"/>
      <c r="Y10" s="36"/>
      <c r="Z10" s="34"/>
      <c r="AA10" s="34"/>
      <c r="AB10" s="34"/>
      <c r="AC10" s="35"/>
      <c r="AD10" s="36"/>
      <c r="AE10" s="34"/>
      <c r="AF10" s="34"/>
      <c r="AG10" s="34"/>
      <c r="AH10" s="35"/>
      <c r="AI10" s="17"/>
      <c r="AJ10" s="52"/>
      <c r="AK10" s="18"/>
    </row>
    <row r="11" spans="1:37" x14ac:dyDescent="0.2">
      <c r="A11" s="58" t="s">
        <v>555</v>
      </c>
      <c r="B11" s="10">
        <v>36</v>
      </c>
      <c r="C11" s="12"/>
      <c r="D11" s="13"/>
      <c r="E11" s="14"/>
      <c r="F11" s="15"/>
      <c r="G11" s="13"/>
      <c r="H11" s="13"/>
      <c r="I11" s="13"/>
      <c r="J11" s="14"/>
      <c r="K11" s="15"/>
      <c r="L11" s="13"/>
      <c r="M11" s="13"/>
      <c r="N11" s="13"/>
      <c r="O11" s="14"/>
      <c r="P11" s="12"/>
      <c r="Q11" s="52"/>
      <c r="R11" s="18"/>
      <c r="T11" s="58" t="s">
        <v>519</v>
      </c>
      <c r="U11" s="11">
        <v>54</v>
      </c>
      <c r="V11" s="17"/>
      <c r="W11" s="13"/>
      <c r="X11" s="14"/>
      <c r="Y11" s="15"/>
      <c r="Z11" s="13"/>
      <c r="AA11" s="13"/>
      <c r="AB11" s="13"/>
      <c r="AC11" s="14"/>
      <c r="AD11" s="15"/>
      <c r="AE11" s="13"/>
      <c r="AF11" s="13"/>
      <c r="AG11" s="13"/>
      <c r="AH11" s="14"/>
      <c r="AI11" s="12"/>
      <c r="AJ11" s="52"/>
      <c r="AK11" s="18"/>
    </row>
    <row r="12" spans="1:37" x14ac:dyDescent="0.2">
      <c r="A12" s="58" t="s">
        <v>554</v>
      </c>
      <c r="B12" s="10">
        <v>36</v>
      </c>
      <c r="C12" s="12"/>
      <c r="D12" s="13"/>
      <c r="E12" s="14"/>
      <c r="F12" s="15"/>
      <c r="G12" s="13"/>
      <c r="H12" s="13"/>
      <c r="I12" s="13"/>
      <c r="J12" s="14"/>
      <c r="K12" s="15"/>
      <c r="L12" s="13"/>
      <c r="M12" s="13"/>
      <c r="N12" s="13"/>
      <c r="O12" s="14"/>
      <c r="P12" s="12"/>
      <c r="Q12" s="52"/>
      <c r="R12" s="18"/>
      <c r="T12" s="58">
        <v>880</v>
      </c>
      <c r="U12" s="11" t="s">
        <v>259</v>
      </c>
      <c r="V12" s="12"/>
      <c r="W12" s="13"/>
      <c r="X12" s="14"/>
      <c r="Y12" s="15"/>
      <c r="Z12" s="13"/>
      <c r="AA12" s="13" t="s">
        <v>3</v>
      </c>
      <c r="AB12" s="13"/>
      <c r="AC12" s="14"/>
      <c r="AD12" s="15"/>
      <c r="AE12" s="13"/>
      <c r="AF12" s="13"/>
      <c r="AG12" s="13"/>
      <c r="AH12" s="14"/>
      <c r="AI12" s="12"/>
      <c r="AJ12" s="52">
        <v>2</v>
      </c>
      <c r="AK12" s="18" t="s">
        <v>259</v>
      </c>
    </row>
    <row r="13" spans="1:37" x14ac:dyDescent="0.2">
      <c r="A13" s="59" t="s">
        <v>553</v>
      </c>
      <c r="B13" s="20">
        <v>40</v>
      </c>
      <c r="C13" s="22"/>
      <c r="D13" s="23"/>
      <c r="E13" s="24"/>
      <c r="F13" s="25"/>
      <c r="G13" s="23"/>
      <c r="H13" s="23"/>
      <c r="I13" s="23"/>
      <c r="J13" s="24"/>
      <c r="K13" s="25"/>
      <c r="L13" s="23"/>
      <c r="M13" s="23"/>
      <c r="N13" s="23"/>
      <c r="O13" s="24"/>
      <c r="P13" s="22"/>
      <c r="Q13" s="53"/>
      <c r="R13" s="27"/>
      <c r="T13" s="59" t="s">
        <v>163</v>
      </c>
      <c r="U13" s="21" t="s">
        <v>259</v>
      </c>
      <c r="V13" s="22"/>
      <c r="W13" s="23"/>
      <c r="X13" s="24"/>
      <c r="Y13" s="25"/>
      <c r="Z13" s="23"/>
      <c r="AA13" s="23"/>
      <c r="AB13" s="23"/>
      <c r="AC13" s="24" t="s">
        <v>0</v>
      </c>
      <c r="AD13" s="25"/>
      <c r="AE13" s="23"/>
      <c r="AF13" s="23"/>
      <c r="AG13" s="23"/>
      <c r="AH13" s="24"/>
      <c r="AI13" s="22"/>
      <c r="AJ13" s="53">
        <v>4</v>
      </c>
      <c r="AK13" s="27" t="s">
        <v>259</v>
      </c>
    </row>
    <row r="14" spans="1:37" x14ac:dyDescent="0.2">
      <c r="A14" s="60" t="s">
        <v>150</v>
      </c>
      <c r="B14" s="1" t="s">
        <v>259</v>
      </c>
      <c r="C14" s="7"/>
      <c r="D14" s="4"/>
      <c r="E14" s="5"/>
      <c r="F14" s="6"/>
      <c r="G14" s="4"/>
      <c r="H14" s="4"/>
      <c r="I14" s="4"/>
      <c r="J14" s="5"/>
      <c r="K14" s="6"/>
      <c r="L14" s="4" t="s">
        <v>0</v>
      </c>
      <c r="M14" s="4"/>
      <c r="N14" s="4"/>
      <c r="O14" s="5"/>
      <c r="P14" s="3"/>
      <c r="Q14" s="51">
        <v>4</v>
      </c>
      <c r="R14" s="8" t="s">
        <v>259</v>
      </c>
      <c r="T14" s="60" t="s">
        <v>518</v>
      </c>
      <c r="U14" s="1">
        <v>40</v>
      </c>
      <c r="V14" s="3"/>
      <c r="W14" s="4"/>
      <c r="X14" s="5"/>
      <c r="Y14" s="6"/>
      <c r="Z14" s="4"/>
      <c r="AA14" s="4"/>
      <c r="AB14" s="4"/>
      <c r="AC14" s="5"/>
      <c r="AD14" s="6"/>
      <c r="AE14" s="4"/>
      <c r="AF14" s="4"/>
      <c r="AG14" s="4"/>
      <c r="AH14" s="5"/>
      <c r="AI14" s="3"/>
      <c r="AJ14" s="51"/>
      <c r="AK14" s="8"/>
    </row>
    <row r="15" spans="1:37" x14ac:dyDescent="0.2">
      <c r="A15" s="58" t="s">
        <v>552</v>
      </c>
      <c r="B15" s="10">
        <v>43</v>
      </c>
      <c r="C15" s="12"/>
      <c r="D15" s="13"/>
      <c r="E15" s="14"/>
      <c r="F15" s="15"/>
      <c r="G15" s="13"/>
      <c r="H15" s="13"/>
      <c r="I15" s="13"/>
      <c r="J15" s="14"/>
      <c r="K15" s="15"/>
      <c r="L15" s="13"/>
      <c r="M15" s="13"/>
      <c r="N15" s="13"/>
      <c r="O15" s="14"/>
      <c r="P15" s="12"/>
      <c r="Q15" s="52"/>
      <c r="R15" s="18"/>
      <c r="T15" s="58" t="s">
        <v>164</v>
      </c>
      <c r="U15" s="10" t="s">
        <v>259</v>
      </c>
      <c r="V15" s="12"/>
      <c r="W15" s="13"/>
      <c r="X15" s="14"/>
      <c r="Y15" s="15"/>
      <c r="Z15" s="13"/>
      <c r="AA15" s="13"/>
      <c r="AB15" s="13"/>
      <c r="AC15" s="14" t="s">
        <v>0</v>
      </c>
      <c r="AD15" s="15"/>
      <c r="AE15" s="13"/>
      <c r="AF15" s="13"/>
      <c r="AG15" s="13"/>
      <c r="AH15" s="14"/>
      <c r="AI15" s="12"/>
      <c r="AJ15" s="52">
        <v>4</v>
      </c>
      <c r="AK15" s="18" t="s">
        <v>259</v>
      </c>
    </row>
    <row r="16" spans="1:37" x14ac:dyDescent="0.2">
      <c r="A16" s="58" t="s">
        <v>551</v>
      </c>
      <c r="B16" s="10">
        <v>49</v>
      </c>
      <c r="C16" s="17"/>
      <c r="D16" s="13"/>
      <c r="E16" s="14"/>
      <c r="F16" s="15"/>
      <c r="G16" s="13"/>
      <c r="H16" s="13"/>
      <c r="I16" s="13"/>
      <c r="J16" s="14"/>
      <c r="K16" s="15"/>
      <c r="L16" s="13"/>
      <c r="M16" s="13"/>
      <c r="N16" s="13"/>
      <c r="O16" s="14"/>
      <c r="P16" s="12"/>
      <c r="Q16" s="52"/>
      <c r="R16" s="18"/>
      <c r="T16" s="58" t="s">
        <v>517</v>
      </c>
      <c r="U16" s="10">
        <v>40</v>
      </c>
      <c r="V16" s="12"/>
      <c r="W16" s="13"/>
      <c r="X16" s="14"/>
      <c r="Y16" s="15"/>
      <c r="Z16" s="13"/>
      <c r="AA16" s="13"/>
      <c r="AB16" s="13"/>
      <c r="AC16" s="14"/>
      <c r="AD16" s="15"/>
      <c r="AE16" s="13"/>
      <c r="AF16" s="13"/>
      <c r="AG16" s="13"/>
      <c r="AH16" s="14"/>
      <c r="AI16" s="12"/>
      <c r="AJ16" s="52"/>
      <c r="AK16" s="18"/>
    </row>
    <row r="17" spans="1:37" x14ac:dyDescent="0.2">
      <c r="A17" s="58" t="s">
        <v>550</v>
      </c>
      <c r="B17" s="10">
        <v>36</v>
      </c>
      <c r="C17" s="17"/>
      <c r="D17" s="13"/>
      <c r="E17" s="14"/>
      <c r="F17" s="15"/>
      <c r="G17" s="13"/>
      <c r="H17" s="13"/>
      <c r="I17" s="13"/>
      <c r="J17" s="14"/>
      <c r="K17" s="15"/>
      <c r="L17" s="13"/>
      <c r="M17" s="13"/>
      <c r="N17" s="13"/>
      <c r="O17" s="14"/>
      <c r="P17" s="12"/>
      <c r="Q17" s="52"/>
      <c r="R17" s="18"/>
      <c r="T17" s="58" t="s">
        <v>165</v>
      </c>
      <c r="U17" s="10" t="s">
        <v>259</v>
      </c>
      <c r="V17" s="12"/>
      <c r="W17" s="13"/>
      <c r="X17" s="14"/>
      <c r="Y17" s="15"/>
      <c r="Z17" s="13"/>
      <c r="AA17" s="13"/>
      <c r="AB17" s="13"/>
      <c r="AC17" s="14"/>
      <c r="AD17" s="15"/>
      <c r="AE17" s="13"/>
      <c r="AF17" s="13" t="s">
        <v>0</v>
      </c>
      <c r="AG17" s="13"/>
      <c r="AH17" s="14"/>
      <c r="AI17" s="12"/>
      <c r="AJ17" s="52">
        <v>4</v>
      </c>
      <c r="AK17" s="18" t="s">
        <v>259</v>
      </c>
    </row>
    <row r="18" spans="1:37" x14ac:dyDescent="0.2">
      <c r="A18" s="59" t="s">
        <v>549</v>
      </c>
      <c r="B18" s="20">
        <v>58</v>
      </c>
      <c r="C18" s="22"/>
      <c r="D18" s="23"/>
      <c r="E18" s="24"/>
      <c r="F18" s="25"/>
      <c r="G18" s="23"/>
      <c r="H18" s="23"/>
      <c r="I18" s="23"/>
      <c r="J18" s="24"/>
      <c r="K18" s="25"/>
      <c r="L18" s="23"/>
      <c r="M18" s="23"/>
      <c r="N18" s="23"/>
      <c r="O18" s="24"/>
      <c r="P18" s="22"/>
      <c r="Q18" s="53"/>
      <c r="R18" s="27"/>
      <c r="T18" s="59" t="s">
        <v>516</v>
      </c>
      <c r="U18" s="20">
        <v>40</v>
      </c>
      <c r="V18" s="22"/>
      <c r="W18" s="23"/>
      <c r="X18" s="24"/>
      <c r="Y18" s="25"/>
      <c r="Z18" s="23"/>
      <c r="AA18" s="23"/>
      <c r="AB18" s="23"/>
      <c r="AC18" s="24"/>
      <c r="AD18" s="25"/>
      <c r="AE18" s="23"/>
      <c r="AF18" s="23"/>
      <c r="AG18" s="23"/>
      <c r="AH18" s="24"/>
      <c r="AI18" s="22"/>
      <c r="AJ18" s="53"/>
      <c r="AK18" s="27"/>
    </row>
    <row r="19" spans="1:37" x14ac:dyDescent="0.2">
      <c r="A19" s="60" t="s">
        <v>548</v>
      </c>
      <c r="B19" s="1">
        <v>31</v>
      </c>
      <c r="C19" s="3"/>
      <c r="D19" s="4"/>
      <c r="E19" s="5"/>
      <c r="F19" s="6"/>
      <c r="G19" s="4"/>
      <c r="H19" s="4"/>
      <c r="I19" s="4"/>
      <c r="J19" s="5"/>
      <c r="K19" s="6"/>
      <c r="L19" s="4"/>
      <c r="M19" s="4"/>
      <c r="N19" s="4"/>
      <c r="O19" s="5"/>
      <c r="P19" s="3"/>
      <c r="Q19" s="51"/>
      <c r="R19" s="8"/>
      <c r="T19" s="60" t="s">
        <v>515</v>
      </c>
      <c r="U19" s="1">
        <v>40</v>
      </c>
      <c r="V19" s="3"/>
      <c r="W19" s="4"/>
      <c r="X19" s="5"/>
      <c r="Y19" s="6"/>
      <c r="Z19" s="4"/>
      <c r="AA19" s="4"/>
      <c r="AB19" s="4"/>
      <c r="AC19" s="5"/>
      <c r="AD19" s="6"/>
      <c r="AE19" s="4"/>
      <c r="AF19" s="4"/>
      <c r="AG19" s="4"/>
      <c r="AH19" s="5"/>
      <c r="AI19" s="3"/>
      <c r="AJ19" s="51"/>
      <c r="AK19" s="8"/>
    </row>
    <row r="20" spans="1:37" x14ac:dyDescent="0.2">
      <c r="A20" s="58" t="s">
        <v>547</v>
      </c>
      <c r="B20" s="10">
        <v>43</v>
      </c>
      <c r="C20" s="12"/>
      <c r="D20" s="13"/>
      <c r="E20" s="14"/>
      <c r="F20" s="15"/>
      <c r="G20" s="13"/>
      <c r="H20" s="13"/>
      <c r="I20" s="13"/>
      <c r="J20" s="14"/>
      <c r="K20" s="15"/>
      <c r="L20" s="13"/>
      <c r="M20" s="13"/>
      <c r="N20" s="13"/>
      <c r="O20" s="14"/>
      <c r="P20" s="12"/>
      <c r="Q20" s="52"/>
      <c r="R20" s="18"/>
      <c r="T20" s="58" t="s">
        <v>514</v>
      </c>
      <c r="U20" s="10">
        <v>36</v>
      </c>
      <c r="V20" s="12"/>
      <c r="W20" s="13"/>
      <c r="X20" s="14"/>
      <c r="Y20" s="15"/>
      <c r="Z20" s="13"/>
      <c r="AA20" s="13"/>
      <c r="AB20" s="13"/>
      <c r="AC20" s="14"/>
      <c r="AD20" s="15"/>
      <c r="AE20" s="13"/>
      <c r="AF20" s="13"/>
      <c r="AG20" s="13"/>
      <c r="AH20" s="14"/>
      <c r="AI20" s="12"/>
      <c r="AJ20" s="52"/>
      <c r="AK20" s="18"/>
    </row>
    <row r="21" spans="1:37" x14ac:dyDescent="0.2">
      <c r="A21" s="58" t="s">
        <v>152</v>
      </c>
      <c r="B21" s="32" t="s">
        <v>259</v>
      </c>
      <c r="C21" s="17"/>
      <c r="D21" s="34"/>
      <c r="E21" s="35"/>
      <c r="F21" s="36"/>
      <c r="G21" s="34"/>
      <c r="H21" s="34"/>
      <c r="I21" s="34"/>
      <c r="J21" s="35"/>
      <c r="K21" s="36"/>
      <c r="L21" s="34" t="s">
        <v>0</v>
      </c>
      <c r="M21" s="34"/>
      <c r="N21" s="34"/>
      <c r="O21" s="35"/>
      <c r="P21" s="17"/>
      <c r="Q21" s="52">
        <v>4</v>
      </c>
      <c r="R21" s="18" t="s">
        <v>259</v>
      </c>
      <c r="T21" s="58">
        <v>885</v>
      </c>
      <c r="U21" s="10" t="s">
        <v>259</v>
      </c>
      <c r="V21" s="12"/>
      <c r="W21" s="13"/>
      <c r="X21" s="14"/>
      <c r="Y21" s="15"/>
      <c r="Z21" s="13"/>
      <c r="AA21" s="13"/>
      <c r="AB21" s="13"/>
      <c r="AC21" s="14"/>
      <c r="AD21" s="15"/>
      <c r="AE21" s="13"/>
      <c r="AF21" s="13" t="s">
        <v>1</v>
      </c>
      <c r="AG21" s="13"/>
      <c r="AH21" s="14"/>
      <c r="AI21" s="12"/>
      <c r="AJ21" s="52">
        <v>6</v>
      </c>
      <c r="AK21" s="18" t="s">
        <v>259</v>
      </c>
    </row>
    <row r="22" spans="1:37" x14ac:dyDescent="0.2">
      <c r="A22" s="58" t="s">
        <v>151</v>
      </c>
      <c r="B22" s="32" t="s">
        <v>259</v>
      </c>
      <c r="C22" s="17"/>
      <c r="D22" s="34"/>
      <c r="E22" s="35"/>
      <c r="F22" s="36"/>
      <c r="G22" s="34"/>
      <c r="H22" s="34"/>
      <c r="I22" s="34"/>
      <c r="J22" s="35"/>
      <c r="K22" s="36"/>
      <c r="L22" s="34" t="s">
        <v>1</v>
      </c>
      <c r="M22" s="34"/>
      <c r="N22" s="34"/>
      <c r="O22" s="35"/>
      <c r="P22" s="17"/>
      <c r="Q22" s="52">
        <v>6</v>
      </c>
      <c r="R22" s="18" t="s">
        <v>259</v>
      </c>
      <c r="T22" s="58" t="s">
        <v>513</v>
      </c>
      <c r="U22" s="10">
        <v>27</v>
      </c>
      <c r="V22" s="12"/>
      <c r="W22" s="13"/>
      <c r="X22" s="14"/>
      <c r="Y22" s="15"/>
      <c r="Z22" s="13"/>
      <c r="AA22" s="13"/>
      <c r="AB22" s="13"/>
      <c r="AC22" s="14"/>
      <c r="AD22" s="15"/>
      <c r="AE22" s="13"/>
      <c r="AF22" s="13"/>
      <c r="AG22" s="13"/>
      <c r="AH22" s="14"/>
      <c r="AI22" s="12"/>
      <c r="AJ22" s="52"/>
      <c r="AK22" s="18"/>
    </row>
    <row r="23" spans="1:37" x14ac:dyDescent="0.2">
      <c r="A23" s="59" t="s">
        <v>546</v>
      </c>
      <c r="B23" s="20">
        <v>26</v>
      </c>
      <c r="C23" s="22"/>
      <c r="D23" s="23"/>
      <c r="E23" s="24"/>
      <c r="F23" s="25"/>
      <c r="G23" s="23"/>
      <c r="H23" s="23"/>
      <c r="I23" s="23"/>
      <c r="J23" s="24"/>
      <c r="K23" s="25"/>
      <c r="L23" s="23"/>
      <c r="M23" s="23"/>
      <c r="N23" s="23"/>
      <c r="O23" s="24"/>
      <c r="P23" s="22"/>
      <c r="Q23" s="53"/>
      <c r="R23" s="27"/>
      <c r="T23" s="59" t="s">
        <v>512</v>
      </c>
      <c r="U23" s="20">
        <v>39</v>
      </c>
      <c r="V23" s="22"/>
      <c r="W23" s="23"/>
      <c r="X23" s="24"/>
      <c r="Y23" s="25"/>
      <c r="Z23" s="23"/>
      <c r="AA23" s="23"/>
      <c r="AB23" s="23"/>
      <c r="AC23" s="24"/>
      <c r="AD23" s="25"/>
      <c r="AE23" s="23"/>
      <c r="AF23" s="23"/>
      <c r="AG23" s="23"/>
      <c r="AH23" s="24"/>
      <c r="AI23" s="22"/>
      <c r="AJ23" s="53"/>
      <c r="AK23" s="27"/>
    </row>
    <row r="24" spans="1:37" x14ac:dyDescent="0.2">
      <c r="A24" s="58" t="s">
        <v>545</v>
      </c>
      <c r="B24" s="10">
        <v>46</v>
      </c>
      <c r="C24" s="12"/>
      <c r="D24" s="13"/>
      <c r="E24" s="14"/>
      <c r="F24" s="15"/>
      <c r="G24" s="13"/>
      <c r="H24" s="13"/>
      <c r="I24" s="13"/>
      <c r="J24" s="14"/>
      <c r="K24" s="15"/>
      <c r="L24" s="13"/>
      <c r="M24" s="13"/>
      <c r="N24" s="13"/>
      <c r="O24" s="14"/>
      <c r="P24" s="12"/>
      <c r="Q24" s="52"/>
      <c r="R24" s="18"/>
      <c r="T24" s="60" t="s">
        <v>511</v>
      </c>
      <c r="U24" s="1">
        <v>31</v>
      </c>
      <c r="V24" s="3"/>
      <c r="W24" s="4"/>
      <c r="X24" s="5"/>
      <c r="Y24" s="6"/>
      <c r="Z24" s="4"/>
      <c r="AA24" s="4"/>
      <c r="AB24" s="4"/>
      <c r="AC24" s="5"/>
      <c r="AD24" s="6"/>
      <c r="AE24" s="4"/>
      <c r="AF24" s="4"/>
      <c r="AG24" s="4"/>
      <c r="AH24" s="5"/>
      <c r="AI24" s="3"/>
      <c r="AJ24" s="51"/>
      <c r="AK24" s="8"/>
    </row>
    <row r="25" spans="1:37" x14ac:dyDescent="0.2">
      <c r="A25" s="58" t="s">
        <v>544</v>
      </c>
      <c r="B25" s="10">
        <v>46</v>
      </c>
      <c r="C25" s="12"/>
      <c r="D25" s="13"/>
      <c r="E25" s="14"/>
      <c r="F25" s="15"/>
      <c r="G25" s="13"/>
      <c r="H25" s="13"/>
      <c r="I25" s="13"/>
      <c r="J25" s="14"/>
      <c r="K25" s="15"/>
      <c r="L25" s="13"/>
      <c r="M25" s="13"/>
      <c r="N25" s="13"/>
      <c r="O25" s="14"/>
      <c r="P25" s="12"/>
      <c r="Q25" s="52"/>
      <c r="R25" s="18"/>
      <c r="T25" s="58" t="s">
        <v>510</v>
      </c>
      <c r="U25" s="10">
        <v>33</v>
      </c>
      <c r="V25" s="12"/>
      <c r="W25" s="13"/>
      <c r="X25" s="14"/>
      <c r="Y25" s="15"/>
      <c r="Z25" s="13"/>
      <c r="AA25" s="13"/>
      <c r="AB25" s="13"/>
      <c r="AC25" s="14"/>
      <c r="AD25" s="15"/>
      <c r="AE25" s="13"/>
      <c r="AF25" s="13"/>
      <c r="AG25" s="13"/>
      <c r="AH25" s="14"/>
      <c r="AI25" s="12"/>
      <c r="AJ25" s="52"/>
      <c r="AK25" s="18"/>
    </row>
    <row r="26" spans="1:37" x14ac:dyDescent="0.2">
      <c r="A26" s="58" t="s">
        <v>543</v>
      </c>
      <c r="B26" s="10">
        <v>40</v>
      </c>
      <c r="C26" s="12"/>
      <c r="D26" s="13"/>
      <c r="E26" s="14"/>
      <c r="F26" s="15"/>
      <c r="G26" s="13"/>
      <c r="H26" s="13"/>
      <c r="I26" s="13"/>
      <c r="J26" s="14"/>
      <c r="K26" s="15"/>
      <c r="L26" s="13"/>
      <c r="M26" s="13"/>
      <c r="N26" s="13"/>
      <c r="O26" s="14"/>
      <c r="P26" s="12"/>
      <c r="Q26" s="52"/>
      <c r="R26" s="18"/>
      <c r="T26" s="58">
        <v>889</v>
      </c>
      <c r="U26" s="10" t="s">
        <v>259</v>
      </c>
      <c r="V26" s="12"/>
      <c r="W26" s="13"/>
      <c r="X26" s="14"/>
      <c r="Y26" s="15"/>
      <c r="Z26" s="13"/>
      <c r="AA26" s="13"/>
      <c r="AB26" s="13"/>
      <c r="AC26" s="14"/>
      <c r="AD26" s="15"/>
      <c r="AE26" s="13" t="s">
        <v>1</v>
      </c>
      <c r="AF26" s="13"/>
      <c r="AG26" s="13"/>
      <c r="AH26" s="14"/>
      <c r="AI26" s="12"/>
      <c r="AJ26" s="52">
        <v>2</v>
      </c>
      <c r="AK26" s="18" t="s">
        <v>259</v>
      </c>
    </row>
    <row r="27" spans="1:37" x14ac:dyDescent="0.2">
      <c r="A27" s="58" t="s">
        <v>153</v>
      </c>
      <c r="B27" s="10" t="s">
        <v>259</v>
      </c>
      <c r="C27" s="17"/>
      <c r="D27" s="13"/>
      <c r="E27" s="14"/>
      <c r="F27" s="15"/>
      <c r="G27" s="13"/>
      <c r="H27" s="13"/>
      <c r="I27" s="13"/>
      <c r="J27" s="14"/>
      <c r="K27" s="15"/>
      <c r="L27" s="13"/>
      <c r="M27" s="13"/>
      <c r="N27" s="13"/>
      <c r="O27" s="14" t="s">
        <v>0</v>
      </c>
      <c r="P27" s="12"/>
      <c r="Q27" s="52">
        <v>4</v>
      </c>
      <c r="R27" s="18" t="s">
        <v>259</v>
      </c>
      <c r="T27" s="58" t="s">
        <v>509</v>
      </c>
      <c r="U27" s="10">
        <v>46</v>
      </c>
      <c r="V27" s="12"/>
      <c r="W27" s="13"/>
      <c r="X27" s="14"/>
      <c r="Y27" s="15"/>
      <c r="Z27" s="13"/>
      <c r="AA27" s="13"/>
      <c r="AB27" s="13"/>
      <c r="AC27" s="14"/>
      <c r="AD27" s="15"/>
      <c r="AE27" s="13"/>
      <c r="AF27" s="13"/>
      <c r="AG27" s="13"/>
      <c r="AH27" s="14"/>
      <c r="AI27" s="12"/>
      <c r="AJ27" s="52"/>
      <c r="AK27" s="18"/>
    </row>
    <row r="28" spans="1:37" x14ac:dyDescent="0.2">
      <c r="A28" s="62" t="s">
        <v>542</v>
      </c>
      <c r="B28" s="20">
        <v>36</v>
      </c>
      <c r="C28" s="22"/>
      <c r="D28" s="23"/>
      <c r="E28" s="24"/>
      <c r="F28" s="25"/>
      <c r="G28" s="23"/>
      <c r="H28" s="23"/>
      <c r="I28" s="23"/>
      <c r="J28" s="24"/>
      <c r="K28" s="25"/>
      <c r="L28" s="23"/>
      <c r="M28" s="23"/>
      <c r="N28" s="23"/>
      <c r="O28" s="24"/>
      <c r="P28" s="22"/>
      <c r="Q28" s="53"/>
      <c r="R28" s="27"/>
      <c r="T28" s="62" t="s">
        <v>166</v>
      </c>
      <c r="U28" s="20" t="s">
        <v>259</v>
      </c>
      <c r="V28" s="22"/>
      <c r="W28" s="23"/>
      <c r="X28" s="24"/>
      <c r="Y28" s="25"/>
      <c r="Z28" s="23"/>
      <c r="AA28" s="23"/>
      <c r="AB28" s="23"/>
      <c r="AC28" s="24" t="s">
        <v>0</v>
      </c>
      <c r="AD28" s="25" t="s">
        <v>0</v>
      </c>
      <c r="AE28" s="23"/>
      <c r="AF28" s="23"/>
      <c r="AG28" s="23"/>
      <c r="AH28" s="24"/>
      <c r="AI28" s="22"/>
      <c r="AJ28" s="53">
        <v>8</v>
      </c>
      <c r="AK28" s="27" t="s">
        <v>259</v>
      </c>
    </row>
    <row r="29" spans="1:37" x14ac:dyDescent="0.2">
      <c r="A29" s="60" t="s">
        <v>541</v>
      </c>
      <c r="B29" s="1">
        <v>22</v>
      </c>
      <c r="C29" s="3"/>
      <c r="D29" s="4"/>
      <c r="E29" s="5"/>
      <c r="F29" s="6"/>
      <c r="G29" s="4"/>
      <c r="H29" s="4"/>
      <c r="I29" s="4"/>
      <c r="J29" s="5"/>
      <c r="K29" s="6"/>
      <c r="L29" s="4"/>
      <c r="M29" s="4"/>
      <c r="N29" s="4"/>
      <c r="O29" s="5"/>
      <c r="P29" s="3"/>
      <c r="Q29" s="51"/>
      <c r="R29" s="8"/>
      <c r="T29" s="60" t="s">
        <v>508</v>
      </c>
      <c r="U29" s="1">
        <v>22</v>
      </c>
      <c r="V29" s="3"/>
      <c r="W29" s="4"/>
      <c r="X29" s="5"/>
      <c r="Y29" s="6"/>
      <c r="Z29" s="4"/>
      <c r="AA29" s="4"/>
      <c r="AB29" s="4"/>
      <c r="AC29" s="5"/>
      <c r="AD29" s="6"/>
      <c r="AE29" s="4"/>
      <c r="AF29" s="4"/>
      <c r="AG29" s="4"/>
      <c r="AH29" s="5"/>
      <c r="AI29" s="3"/>
      <c r="AJ29" s="51"/>
      <c r="AK29" s="8"/>
    </row>
    <row r="30" spans="1:37" x14ac:dyDescent="0.2">
      <c r="A30" s="61" t="s">
        <v>540</v>
      </c>
      <c r="B30" s="10">
        <v>50</v>
      </c>
      <c r="C30" s="12"/>
      <c r="D30" s="13"/>
      <c r="E30" s="14"/>
      <c r="F30" s="15"/>
      <c r="G30" s="13"/>
      <c r="H30" s="13"/>
      <c r="I30" s="13"/>
      <c r="J30" s="14"/>
      <c r="K30" s="15"/>
      <c r="L30" s="13"/>
      <c r="M30" s="13"/>
      <c r="N30" s="13"/>
      <c r="O30" s="14"/>
      <c r="P30" s="12"/>
      <c r="Q30" s="52"/>
      <c r="R30" s="18"/>
      <c r="T30" s="58">
        <v>891</v>
      </c>
      <c r="U30" s="10" t="s">
        <v>259</v>
      </c>
      <c r="V30" s="17" t="s">
        <v>0</v>
      </c>
      <c r="W30" s="13"/>
      <c r="X30" s="14"/>
      <c r="Y30" s="15"/>
      <c r="Z30" s="13"/>
      <c r="AA30" s="13"/>
      <c r="AB30" s="13"/>
      <c r="AC30" s="14"/>
      <c r="AD30" s="15"/>
      <c r="AE30" s="13"/>
      <c r="AF30" s="13"/>
      <c r="AG30" s="13"/>
      <c r="AH30" s="14"/>
      <c r="AI30" s="12"/>
      <c r="AJ30" s="52">
        <v>3</v>
      </c>
      <c r="AK30" s="18" t="s">
        <v>259</v>
      </c>
    </row>
    <row r="31" spans="1:37" x14ac:dyDescent="0.2">
      <c r="A31" s="58" t="s">
        <v>154</v>
      </c>
      <c r="B31" s="10" t="s">
        <v>259</v>
      </c>
      <c r="C31" s="12"/>
      <c r="D31" s="13"/>
      <c r="E31" s="14"/>
      <c r="F31" s="15"/>
      <c r="G31" s="13"/>
      <c r="H31" s="13"/>
      <c r="I31" s="13"/>
      <c r="J31" s="14"/>
      <c r="K31" s="15"/>
      <c r="L31" s="13" t="s">
        <v>0</v>
      </c>
      <c r="M31" s="13" t="s">
        <v>0</v>
      </c>
      <c r="N31" s="13"/>
      <c r="O31" s="14"/>
      <c r="P31" s="12"/>
      <c r="Q31" s="52">
        <v>8</v>
      </c>
      <c r="R31" s="18" t="s">
        <v>259</v>
      </c>
      <c r="T31" s="61" t="s">
        <v>507</v>
      </c>
      <c r="U31" s="10">
        <v>31</v>
      </c>
      <c r="V31" s="17"/>
      <c r="W31" s="13"/>
      <c r="X31" s="14"/>
      <c r="Y31" s="15"/>
      <c r="Z31" s="13"/>
      <c r="AA31" s="13"/>
      <c r="AB31" s="13"/>
      <c r="AC31" s="14"/>
      <c r="AD31" s="15"/>
      <c r="AE31" s="13"/>
      <c r="AF31" s="13"/>
      <c r="AG31" s="13"/>
      <c r="AH31" s="14"/>
      <c r="AI31" s="12"/>
      <c r="AJ31" s="52"/>
      <c r="AK31" s="18"/>
    </row>
    <row r="32" spans="1:37" x14ac:dyDescent="0.2">
      <c r="A32" s="58" t="s">
        <v>539</v>
      </c>
      <c r="B32" s="10">
        <v>27</v>
      </c>
      <c r="C32" s="17"/>
      <c r="D32" s="13"/>
      <c r="E32" s="14"/>
      <c r="F32" s="15"/>
      <c r="G32" s="13"/>
      <c r="H32" s="13"/>
      <c r="I32" s="13"/>
      <c r="J32" s="14"/>
      <c r="K32" s="15"/>
      <c r="L32" s="13"/>
      <c r="M32" s="13"/>
      <c r="N32" s="13"/>
      <c r="O32" s="14"/>
      <c r="P32" s="12"/>
      <c r="Q32" s="52"/>
      <c r="R32" s="18"/>
      <c r="T32" s="58" t="s">
        <v>506</v>
      </c>
      <c r="U32" s="10">
        <v>47</v>
      </c>
      <c r="V32" s="17"/>
      <c r="W32" s="13"/>
      <c r="X32" s="14"/>
      <c r="Y32" s="15"/>
      <c r="Z32" s="13"/>
      <c r="AA32" s="13"/>
      <c r="AB32" s="13"/>
      <c r="AC32" s="14"/>
      <c r="AD32" s="15"/>
      <c r="AE32" s="13"/>
      <c r="AF32" s="13"/>
      <c r="AG32" s="13"/>
      <c r="AH32" s="14"/>
      <c r="AI32" s="12"/>
      <c r="AJ32" s="52"/>
      <c r="AK32" s="18"/>
    </row>
    <row r="33" spans="1:37" x14ac:dyDescent="0.2">
      <c r="A33" s="59" t="s">
        <v>538</v>
      </c>
      <c r="B33" s="20">
        <v>51</v>
      </c>
      <c r="C33" s="22"/>
      <c r="D33" s="23"/>
      <c r="E33" s="24"/>
      <c r="F33" s="25"/>
      <c r="G33" s="23"/>
      <c r="H33" s="23"/>
      <c r="I33" s="23"/>
      <c r="J33" s="24"/>
      <c r="K33" s="25"/>
      <c r="L33" s="23"/>
      <c r="M33" s="23"/>
      <c r="N33" s="23"/>
      <c r="O33" s="24"/>
      <c r="P33" s="22"/>
      <c r="Q33" s="53"/>
      <c r="R33" s="27"/>
      <c r="T33" s="59">
        <v>893</v>
      </c>
      <c r="U33" s="20" t="s">
        <v>259</v>
      </c>
      <c r="V33" s="22"/>
      <c r="W33" s="23"/>
      <c r="X33" s="24"/>
      <c r="Y33" s="25"/>
      <c r="Z33" s="23"/>
      <c r="AA33" s="23"/>
      <c r="AB33" s="23"/>
      <c r="AC33" s="24"/>
      <c r="AD33" s="25"/>
      <c r="AE33" s="23"/>
      <c r="AF33" s="23"/>
      <c r="AG33" s="23" t="s">
        <v>2</v>
      </c>
      <c r="AH33" s="24"/>
      <c r="AI33" s="22"/>
      <c r="AJ33" s="53" t="s">
        <v>259</v>
      </c>
      <c r="AK33" s="27">
        <v>4</v>
      </c>
    </row>
    <row r="34" spans="1:37" x14ac:dyDescent="0.2">
      <c r="A34" s="60" t="s">
        <v>155</v>
      </c>
      <c r="B34" s="2" t="s">
        <v>259</v>
      </c>
      <c r="C34" s="3"/>
      <c r="D34" s="4"/>
      <c r="E34" s="5"/>
      <c r="F34" s="6"/>
      <c r="G34" s="4"/>
      <c r="H34" s="4"/>
      <c r="I34" s="4"/>
      <c r="J34" s="5"/>
      <c r="K34" s="6"/>
      <c r="L34" s="4"/>
      <c r="M34" s="4"/>
      <c r="N34" s="4" t="s">
        <v>0</v>
      </c>
      <c r="O34" s="5"/>
      <c r="P34" s="3"/>
      <c r="Q34" s="51">
        <v>4</v>
      </c>
      <c r="R34" s="8" t="s">
        <v>259</v>
      </c>
      <c r="T34" s="60" t="s">
        <v>505</v>
      </c>
      <c r="U34" s="1">
        <v>40</v>
      </c>
      <c r="V34" s="3"/>
      <c r="W34" s="4"/>
      <c r="X34" s="5"/>
      <c r="Y34" s="6"/>
      <c r="Z34" s="4"/>
      <c r="AA34" s="4"/>
      <c r="AB34" s="4"/>
      <c r="AC34" s="5"/>
      <c r="AD34" s="6"/>
      <c r="AE34" s="4"/>
      <c r="AF34" s="4"/>
      <c r="AG34" s="4"/>
      <c r="AH34" s="5"/>
      <c r="AI34" s="3"/>
      <c r="AJ34" s="51"/>
      <c r="AK34" s="8"/>
    </row>
    <row r="35" spans="1:37" x14ac:dyDescent="0.2">
      <c r="A35" s="58" t="s">
        <v>537</v>
      </c>
      <c r="B35" s="11">
        <v>18</v>
      </c>
      <c r="C35" s="12"/>
      <c r="D35" s="13"/>
      <c r="E35" s="14"/>
      <c r="F35" s="15"/>
      <c r="G35" s="13"/>
      <c r="H35" s="13"/>
      <c r="I35" s="13"/>
      <c r="J35" s="14"/>
      <c r="K35" s="15"/>
      <c r="L35" s="13"/>
      <c r="M35" s="13"/>
      <c r="N35" s="13"/>
      <c r="O35" s="14"/>
      <c r="P35" s="12"/>
      <c r="Q35" s="52"/>
      <c r="R35" s="18"/>
      <c r="T35" s="61" t="s">
        <v>167</v>
      </c>
      <c r="U35" s="10" t="s">
        <v>259</v>
      </c>
      <c r="V35" s="12"/>
      <c r="W35" s="13"/>
      <c r="X35" s="14"/>
      <c r="Y35" s="15"/>
      <c r="Z35" s="13"/>
      <c r="AA35" s="13"/>
      <c r="AB35" s="13"/>
      <c r="AC35" s="14"/>
      <c r="AD35" s="15"/>
      <c r="AE35" s="13" t="s">
        <v>0</v>
      </c>
      <c r="AF35" s="13"/>
      <c r="AG35" s="13"/>
      <c r="AH35" s="14"/>
      <c r="AI35" s="12"/>
      <c r="AJ35" s="52">
        <v>4</v>
      </c>
      <c r="AK35" s="18" t="s">
        <v>259</v>
      </c>
    </row>
    <row r="36" spans="1:37" x14ac:dyDescent="0.2">
      <c r="A36" s="58" t="s">
        <v>156</v>
      </c>
      <c r="B36" s="11" t="s">
        <v>259</v>
      </c>
      <c r="C36" s="12"/>
      <c r="D36" s="13"/>
      <c r="E36" s="14"/>
      <c r="F36" s="15"/>
      <c r="G36" s="13"/>
      <c r="H36" s="13"/>
      <c r="I36" s="13"/>
      <c r="J36" s="14"/>
      <c r="K36" s="15"/>
      <c r="L36" s="13" t="s">
        <v>0</v>
      </c>
      <c r="M36" s="13"/>
      <c r="N36" s="13"/>
      <c r="O36" s="14"/>
      <c r="P36" s="12"/>
      <c r="Q36" s="52">
        <v>4</v>
      </c>
      <c r="R36" s="18" t="s">
        <v>259</v>
      </c>
      <c r="T36" s="58" t="s">
        <v>504</v>
      </c>
      <c r="U36" s="10">
        <v>36</v>
      </c>
      <c r="V36" s="12"/>
      <c r="W36" s="13"/>
      <c r="X36" s="14"/>
      <c r="Y36" s="15"/>
      <c r="Z36" s="13"/>
      <c r="AA36" s="13"/>
      <c r="AB36" s="13"/>
      <c r="AC36" s="14"/>
      <c r="AD36" s="15"/>
      <c r="AE36" s="13"/>
      <c r="AF36" s="13"/>
      <c r="AG36" s="13"/>
      <c r="AH36" s="14"/>
      <c r="AI36" s="12"/>
      <c r="AJ36" s="52"/>
      <c r="AK36" s="18"/>
    </row>
    <row r="37" spans="1:37" x14ac:dyDescent="0.2">
      <c r="A37" s="58" t="s">
        <v>536</v>
      </c>
      <c r="B37" s="11">
        <v>53</v>
      </c>
      <c r="C37" s="12"/>
      <c r="D37" s="13"/>
      <c r="E37" s="14"/>
      <c r="F37" s="15"/>
      <c r="G37" s="13"/>
      <c r="H37" s="13"/>
      <c r="I37" s="13"/>
      <c r="J37" s="14"/>
      <c r="K37" s="15"/>
      <c r="L37" s="13"/>
      <c r="M37" s="13"/>
      <c r="N37" s="13"/>
      <c r="O37" s="14"/>
      <c r="P37" s="12"/>
      <c r="Q37" s="52"/>
      <c r="R37" s="18"/>
      <c r="T37" s="58" t="s">
        <v>503</v>
      </c>
      <c r="U37" s="10">
        <v>31</v>
      </c>
      <c r="V37" s="12"/>
      <c r="W37" s="13"/>
      <c r="X37" s="14"/>
      <c r="Y37" s="15"/>
      <c r="Z37" s="13"/>
      <c r="AA37" s="13"/>
      <c r="AB37" s="13"/>
      <c r="AC37" s="14"/>
      <c r="AD37" s="15"/>
      <c r="AE37" s="13"/>
      <c r="AF37" s="13"/>
      <c r="AG37" s="13"/>
      <c r="AH37" s="14"/>
      <c r="AI37" s="12"/>
      <c r="AJ37" s="52"/>
      <c r="AK37" s="18"/>
    </row>
    <row r="38" spans="1:37" x14ac:dyDescent="0.2">
      <c r="A38" s="59" t="s">
        <v>157</v>
      </c>
      <c r="B38" s="21" t="s">
        <v>259</v>
      </c>
      <c r="C38" s="22"/>
      <c r="D38" s="23"/>
      <c r="E38" s="24"/>
      <c r="F38" s="25"/>
      <c r="G38" s="23"/>
      <c r="H38" s="23"/>
      <c r="I38" s="23"/>
      <c r="J38" s="24"/>
      <c r="K38" s="25"/>
      <c r="L38" s="23"/>
      <c r="M38" s="23"/>
      <c r="N38" s="23"/>
      <c r="O38" s="24" t="s">
        <v>0</v>
      </c>
      <c r="P38" s="22"/>
      <c r="Q38" s="53">
        <v>4</v>
      </c>
      <c r="R38" s="27" t="s">
        <v>259</v>
      </c>
      <c r="T38" s="59" t="s">
        <v>168</v>
      </c>
      <c r="U38" s="20" t="s">
        <v>259</v>
      </c>
      <c r="V38" s="22"/>
      <c r="W38" s="23"/>
      <c r="X38" s="24"/>
      <c r="Y38" s="25"/>
      <c r="Z38" s="23"/>
      <c r="AA38" s="23"/>
      <c r="AB38" s="23"/>
      <c r="AC38" s="24"/>
      <c r="AD38" s="25"/>
      <c r="AE38" s="23"/>
      <c r="AF38" s="23" t="s">
        <v>0</v>
      </c>
      <c r="AG38" s="23"/>
      <c r="AH38" s="24"/>
      <c r="AI38" s="22"/>
      <c r="AJ38" s="53">
        <v>4</v>
      </c>
      <c r="AK38" s="27" t="s">
        <v>259</v>
      </c>
    </row>
    <row r="39" spans="1:37" x14ac:dyDescent="0.2">
      <c r="A39" s="60" t="s">
        <v>535</v>
      </c>
      <c r="B39" s="2">
        <v>36</v>
      </c>
      <c r="C39" s="3"/>
      <c r="D39" s="4"/>
      <c r="E39" s="5"/>
      <c r="F39" s="6"/>
      <c r="G39" s="4"/>
      <c r="H39" s="4"/>
      <c r="I39" s="4"/>
      <c r="J39" s="5"/>
      <c r="K39" s="6"/>
      <c r="L39" s="4"/>
      <c r="M39" s="4"/>
      <c r="N39" s="4"/>
      <c r="O39" s="5"/>
      <c r="P39" s="3"/>
      <c r="Q39" s="51"/>
      <c r="R39" s="8"/>
      <c r="T39" s="60" t="s">
        <v>502</v>
      </c>
      <c r="U39" s="1">
        <v>46</v>
      </c>
      <c r="V39" s="7"/>
      <c r="W39" s="40"/>
      <c r="X39" s="41"/>
      <c r="Y39" s="42"/>
      <c r="Z39" s="40"/>
      <c r="AA39" s="40"/>
      <c r="AB39" s="40"/>
      <c r="AC39" s="41"/>
      <c r="AD39" s="42"/>
      <c r="AE39" s="40"/>
      <c r="AF39" s="40"/>
      <c r="AG39" s="40"/>
      <c r="AH39" s="41"/>
      <c r="AI39" s="7"/>
      <c r="AJ39" s="51"/>
      <c r="AK39" s="8"/>
    </row>
    <row r="40" spans="1:37" x14ac:dyDescent="0.2">
      <c r="A40" s="58" t="s">
        <v>534</v>
      </c>
      <c r="B40" s="11">
        <v>51</v>
      </c>
      <c r="C40" s="12"/>
      <c r="D40" s="13"/>
      <c r="E40" s="14"/>
      <c r="F40" s="15"/>
      <c r="G40" s="13"/>
      <c r="H40" s="13"/>
      <c r="I40" s="13"/>
      <c r="J40" s="14"/>
      <c r="K40" s="15"/>
      <c r="L40" s="13"/>
      <c r="M40" s="13"/>
      <c r="N40" s="13"/>
      <c r="O40" s="14"/>
      <c r="P40" s="12"/>
      <c r="Q40" s="52"/>
      <c r="R40" s="18"/>
      <c r="T40" s="58">
        <v>897</v>
      </c>
      <c r="U40" s="10" t="s">
        <v>259</v>
      </c>
      <c r="V40" s="12"/>
      <c r="W40" s="13"/>
      <c r="X40" s="14"/>
      <c r="Y40" s="15"/>
      <c r="Z40" s="13"/>
      <c r="AA40" s="13" t="s">
        <v>1</v>
      </c>
      <c r="AB40" s="13"/>
      <c r="AC40" s="14"/>
      <c r="AD40" s="15"/>
      <c r="AE40" s="13"/>
      <c r="AF40" s="13"/>
      <c r="AG40" s="13"/>
      <c r="AH40" s="14"/>
      <c r="AI40" s="12"/>
      <c r="AJ40" s="52">
        <v>2</v>
      </c>
      <c r="AK40" s="18" t="s">
        <v>259</v>
      </c>
    </row>
    <row r="41" spans="1:37" x14ac:dyDescent="0.2">
      <c r="A41" s="58" t="s">
        <v>533</v>
      </c>
      <c r="B41" s="11">
        <v>22</v>
      </c>
      <c r="C41" s="12"/>
      <c r="D41" s="13"/>
      <c r="E41" s="14"/>
      <c r="F41" s="15"/>
      <c r="G41" s="13"/>
      <c r="H41" s="13"/>
      <c r="I41" s="13"/>
      <c r="J41" s="14"/>
      <c r="K41" s="15"/>
      <c r="L41" s="13"/>
      <c r="M41" s="13"/>
      <c r="N41" s="13"/>
      <c r="O41" s="14"/>
      <c r="P41" s="12"/>
      <c r="Q41" s="52"/>
      <c r="R41" s="18"/>
      <c r="T41" s="58">
        <v>897</v>
      </c>
      <c r="U41" s="10" t="s">
        <v>259</v>
      </c>
      <c r="V41" s="12"/>
      <c r="W41" s="13"/>
      <c r="X41" s="14"/>
      <c r="Y41" s="15"/>
      <c r="Z41" s="13"/>
      <c r="AA41" s="13"/>
      <c r="AB41" s="13"/>
      <c r="AC41" s="14"/>
      <c r="AD41" s="15"/>
      <c r="AE41" s="13"/>
      <c r="AF41" s="13"/>
      <c r="AG41" s="13" t="s">
        <v>2</v>
      </c>
      <c r="AH41" s="14"/>
      <c r="AI41" s="12"/>
      <c r="AJ41" s="52" t="s">
        <v>259</v>
      </c>
      <c r="AK41" s="18">
        <v>4</v>
      </c>
    </row>
    <row r="42" spans="1:37" x14ac:dyDescent="0.2">
      <c r="A42" s="58" t="s">
        <v>158</v>
      </c>
      <c r="B42" s="11" t="s">
        <v>259</v>
      </c>
      <c r="C42" s="17"/>
      <c r="D42" s="13"/>
      <c r="E42" s="14"/>
      <c r="F42" s="15"/>
      <c r="G42" s="13"/>
      <c r="H42" s="13"/>
      <c r="I42" s="13"/>
      <c r="J42" s="14"/>
      <c r="K42" s="15"/>
      <c r="L42" s="13"/>
      <c r="M42" s="13"/>
      <c r="N42" s="13"/>
      <c r="O42" s="14" t="s">
        <v>0</v>
      </c>
      <c r="P42" s="12"/>
      <c r="Q42" s="52">
        <v>4</v>
      </c>
      <c r="R42" s="18" t="s">
        <v>259</v>
      </c>
      <c r="T42" s="58" t="s">
        <v>501</v>
      </c>
      <c r="U42" s="10">
        <v>49</v>
      </c>
      <c r="V42" s="12"/>
      <c r="W42" s="13"/>
      <c r="X42" s="14"/>
      <c r="Y42" s="15"/>
      <c r="Z42" s="13"/>
      <c r="AA42" s="13"/>
      <c r="AB42" s="13"/>
      <c r="AC42" s="14"/>
      <c r="AD42" s="15"/>
      <c r="AE42" s="13"/>
      <c r="AF42" s="13"/>
      <c r="AG42" s="13"/>
      <c r="AH42" s="14"/>
      <c r="AI42" s="12"/>
      <c r="AJ42" s="52"/>
      <c r="AK42" s="18"/>
    </row>
    <row r="43" spans="1:37" x14ac:dyDescent="0.2">
      <c r="A43" s="59" t="s">
        <v>532</v>
      </c>
      <c r="B43" s="21">
        <v>40</v>
      </c>
      <c r="C43" s="26"/>
      <c r="D43" s="23"/>
      <c r="E43" s="24"/>
      <c r="F43" s="25"/>
      <c r="G43" s="23"/>
      <c r="H43" s="23"/>
      <c r="I43" s="23"/>
      <c r="J43" s="24"/>
      <c r="K43" s="25"/>
      <c r="L43" s="23"/>
      <c r="M43" s="23"/>
      <c r="N43" s="23"/>
      <c r="O43" s="24"/>
      <c r="P43" s="22"/>
      <c r="Q43" s="53"/>
      <c r="R43" s="27"/>
      <c r="T43" s="59" t="s">
        <v>500</v>
      </c>
      <c r="U43" s="20">
        <v>49</v>
      </c>
      <c r="V43" s="26"/>
      <c r="W43" s="23"/>
      <c r="X43" s="24"/>
      <c r="Y43" s="25"/>
      <c r="Z43" s="23"/>
      <c r="AA43" s="23"/>
      <c r="AB43" s="23"/>
      <c r="AC43" s="24"/>
      <c r="AD43" s="25"/>
      <c r="AE43" s="23"/>
      <c r="AF43" s="23"/>
      <c r="AG43" s="23"/>
      <c r="AH43" s="24"/>
      <c r="AI43" s="22"/>
      <c r="AJ43" s="53"/>
      <c r="AK43" s="27"/>
    </row>
    <row r="44" spans="1:37" x14ac:dyDescent="0.2">
      <c r="A44" s="60" t="s">
        <v>159</v>
      </c>
      <c r="B44" s="2" t="s">
        <v>259</v>
      </c>
      <c r="C44" s="3"/>
      <c r="D44" s="4"/>
      <c r="E44" s="5"/>
      <c r="F44" s="6"/>
      <c r="G44" s="4"/>
      <c r="H44" s="4"/>
      <c r="I44" s="4"/>
      <c r="J44" s="5" t="s">
        <v>0</v>
      </c>
      <c r="K44" s="6"/>
      <c r="L44" s="4"/>
      <c r="M44" s="4"/>
      <c r="N44" s="4"/>
      <c r="O44" s="5"/>
      <c r="P44" s="3"/>
      <c r="Q44" s="51">
        <v>4</v>
      </c>
      <c r="R44" s="8" t="s">
        <v>259</v>
      </c>
      <c r="T44" s="60">
        <v>899</v>
      </c>
      <c r="U44" s="1" t="s">
        <v>259</v>
      </c>
      <c r="V44" s="3"/>
      <c r="W44" s="4"/>
      <c r="X44" s="5"/>
      <c r="Y44" s="6"/>
      <c r="Z44" s="4"/>
      <c r="AA44" s="4"/>
      <c r="AB44" s="4"/>
      <c r="AC44" s="5"/>
      <c r="AD44" s="6"/>
      <c r="AE44" s="4"/>
      <c r="AF44" s="4"/>
      <c r="AG44" s="4" t="s">
        <v>2</v>
      </c>
      <c r="AH44" s="5"/>
      <c r="AI44" s="3"/>
      <c r="AJ44" s="51" t="s">
        <v>259</v>
      </c>
      <c r="AK44" s="8">
        <v>4</v>
      </c>
    </row>
    <row r="45" spans="1:37" x14ac:dyDescent="0.2">
      <c r="A45" s="58" t="s">
        <v>531</v>
      </c>
      <c r="B45" s="11">
        <v>31</v>
      </c>
      <c r="C45" s="12"/>
      <c r="D45" s="13"/>
      <c r="E45" s="14"/>
      <c r="F45" s="15"/>
      <c r="G45" s="13"/>
      <c r="H45" s="13"/>
      <c r="I45" s="13"/>
      <c r="J45" s="14"/>
      <c r="K45" s="15"/>
      <c r="L45" s="13"/>
      <c r="M45" s="13"/>
      <c r="N45" s="13"/>
      <c r="O45" s="14"/>
      <c r="P45" s="12"/>
      <c r="Q45" s="52"/>
      <c r="R45" s="18"/>
      <c r="T45" s="58" t="s">
        <v>499</v>
      </c>
      <c r="U45" s="10">
        <v>44</v>
      </c>
      <c r="V45" s="12"/>
      <c r="W45" s="13"/>
      <c r="X45" s="14"/>
      <c r="Y45" s="15"/>
      <c r="Z45" s="13"/>
      <c r="AA45" s="13"/>
      <c r="AB45" s="13"/>
      <c r="AC45" s="14"/>
      <c r="AD45" s="15"/>
      <c r="AE45" s="13"/>
      <c r="AF45" s="13"/>
      <c r="AG45" s="13"/>
      <c r="AH45" s="14"/>
      <c r="AI45" s="12"/>
      <c r="AJ45" s="52"/>
      <c r="AK45" s="18"/>
    </row>
    <row r="46" spans="1:37" x14ac:dyDescent="0.2">
      <c r="A46" s="58" t="s">
        <v>530</v>
      </c>
      <c r="B46" s="11">
        <v>53</v>
      </c>
      <c r="C46" s="17"/>
      <c r="D46" s="34"/>
      <c r="E46" s="35"/>
      <c r="F46" s="36"/>
      <c r="G46" s="34"/>
      <c r="H46" s="34"/>
      <c r="I46" s="34"/>
      <c r="J46" s="35"/>
      <c r="K46" s="36"/>
      <c r="L46" s="34"/>
      <c r="M46" s="34"/>
      <c r="N46" s="34"/>
      <c r="O46" s="35"/>
      <c r="P46" s="17"/>
      <c r="Q46" s="52"/>
      <c r="R46" s="18"/>
      <c r="T46" s="58" t="s">
        <v>498</v>
      </c>
      <c r="U46" s="10">
        <v>50</v>
      </c>
      <c r="V46" s="17"/>
      <c r="W46" s="13"/>
      <c r="X46" s="14"/>
      <c r="Y46" s="15"/>
      <c r="Z46" s="13"/>
      <c r="AA46" s="13"/>
      <c r="AB46" s="13"/>
      <c r="AC46" s="14"/>
      <c r="AD46" s="15"/>
      <c r="AE46" s="13"/>
      <c r="AF46" s="13"/>
      <c r="AG46" s="13"/>
      <c r="AH46" s="14"/>
      <c r="AI46" s="12"/>
      <c r="AJ46" s="52"/>
      <c r="AK46" s="18"/>
    </row>
    <row r="47" spans="1:37" x14ac:dyDescent="0.2">
      <c r="A47" s="58">
        <v>869</v>
      </c>
      <c r="B47" s="11" t="s">
        <v>259</v>
      </c>
      <c r="C47" s="12"/>
      <c r="D47" s="13"/>
      <c r="E47" s="14"/>
      <c r="F47" s="15"/>
      <c r="G47" s="13"/>
      <c r="H47" s="13"/>
      <c r="I47" s="13"/>
      <c r="J47" s="14"/>
      <c r="K47" s="15"/>
      <c r="L47" s="13"/>
      <c r="M47" s="13"/>
      <c r="N47" s="13" t="s">
        <v>2</v>
      </c>
      <c r="O47" s="14"/>
      <c r="P47" s="12"/>
      <c r="Q47" s="52" t="s">
        <v>259</v>
      </c>
      <c r="R47" s="18">
        <v>4</v>
      </c>
      <c r="T47" s="58" t="s">
        <v>497</v>
      </c>
      <c r="U47" s="32">
        <v>55</v>
      </c>
      <c r="V47" s="17"/>
      <c r="W47" s="13"/>
      <c r="X47" s="14"/>
      <c r="Y47" s="15"/>
      <c r="Z47" s="13"/>
      <c r="AA47" s="13"/>
      <c r="AB47" s="13"/>
      <c r="AC47" s="14"/>
      <c r="AD47" s="15"/>
      <c r="AE47" s="13"/>
      <c r="AF47" s="13"/>
      <c r="AG47" s="13"/>
      <c r="AH47" s="14"/>
      <c r="AI47" s="12"/>
      <c r="AJ47" s="52"/>
      <c r="AK47" s="18"/>
    </row>
    <row r="48" spans="1:37" x14ac:dyDescent="0.2">
      <c r="A48" s="59" t="s">
        <v>160</v>
      </c>
      <c r="B48" s="21" t="s">
        <v>259</v>
      </c>
      <c r="C48" s="26"/>
      <c r="D48" s="37"/>
      <c r="E48" s="38"/>
      <c r="F48" s="39"/>
      <c r="G48" s="37"/>
      <c r="H48" s="37"/>
      <c r="I48" s="37"/>
      <c r="J48" s="38"/>
      <c r="K48" s="39"/>
      <c r="L48" s="37"/>
      <c r="M48" s="37"/>
      <c r="N48" s="37" t="s">
        <v>0</v>
      </c>
      <c r="O48" s="38"/>
      <c r="P48" s="26"/>
      <c r="Q48" s="53">
        <v>4</v>
      </c>
      <c r="R48" s="27" t="s">
        <v>259</v>
      </c>
      <c r="T48" s="59" t="s">
        <v>496</v>
      </c>
      <c r="U48" s="20">
        <v>44</v>
      </c>
      <c r="V48" s="26"/>
      <c r="W48" s="23"/>
      <c r="X48" s="24"/>
      <c r="Y48" s="25"/>
      <c r="Z48" s="23"/>
      <c r="AA48" s="23"/>
      <c r="AB48" s="23"/>
      <c r="AC48" s="24"/>
      <c r="AD48" s="25"/>
      <c r="AE48" s="23"/>
      <c r="AF48" s="23"/>
      <c r="AG48" s="23"/>
      <c r="AH48" s="24"/>
      <c r="AI48" s="22"/>
      <c r="AJ48" s="53"/>
      <c r="AK48" s="27"/>
    </row>
    <row r="49" spans="1:37" x14ac:dyDescent="0.2">
      <c r="A49" s="60" t="s">
        <v>529</v>
      </c>
      <c r="B49" s="2">
        <v>65</v>
      </c>
      <c r="C49" s="3"/>
      <c r="D49" s="4"/>
      <c r="E49" s="5"/>
      <c r="F49" s="6"/>
      <c r="G49" s="4"/>
      <c r="H49" s="4"/>
      <c r="I49" s="4"/>
      <c r="J49" s="5"/>
      <c r="K49" s="6"/>
      <c r="L49" s="4"/>
      <c r="M49" s="4"/>
      <c r="N49" s="4"/>
      <c r="O49" s="5"/>
      <c r="P49" s="3"/>
      <c r="Q49" s="51"/>
      <c r="R49" s="8"/>
      <c r="T49" s="60" t="s">
        <v>495</v>
      </c>
      <c r="U49" s="1">
        <v>40</v>
      </c>
      <c r="V49" s="7"/>
      <c r="W49" s="4"/>
      <c r="X49" s="5"/>
      <c r="Y49" s="6"/>
      <c r="Z49" s="4"/>
      <c r="AA49" s="4"/>
      <c r="AB49" s="4"/>
      <c r="AC49" s="5"/>
      <c r="AD49" s="6"/>
      <c r="AE49" s="4"/>
      <c r="AF49" s="4"/>
      <c r="AG49" s="4"/>
      <c r="AH49" s="5"/>
      <c r="AI49" s="3"/>
      <c r="AJ49" s="51"/>
      <c r="AK49" s="8"/>
    </row>
    <row r="50" spans="1:37" x14ac:dyDescent="0.2">
      <c r="A50" s="58" t="s">
        <v>528</v>
      </c>
      <c r="B50" s="11">
        <v>52</v>
      </c>
      <c r="C50" s="12"/>
      <c r="D50" s="13"/>
      <c r="E50" s="14"/>
      <c r="F50" s="15"/>
      <c r="G50" s="13"/>
      <c r="H50" s="13"/>
      <c r="I50" s="13"/>
      <c r="J50" s="14"/>
      <c r="K50" s="15"/>
      <c r="L50" s="13"/>
      <c r="M50" s="13"/>
      <c r="N50" s="13"/>
      <c r="O50" s="14"/>
      <c r="P50" s="12"/>
      <c r="Q50" s="52"/>
      <c r="R50" s="18"/>
      <c r="T50" s="58" t="s">
        <v>169</v>
      </c>
      <c r="U50" s="10" t="s">
        <v>259</v>
      </c>
      <c r="V50" s="12"/>
      <c r="W50" s="13"/>
      <c r="X50" s="14"/>
      <c r="Y50" s="15"/>
      <c r="Z50" s="13"/>
      <c r="AA50" s="13"/>
      <c r="AB50" s="13"/>
      <c r="AC50" s="14"/>
      <c r="AD50" s="15"/>
      <c r="AE50" s="13" t="s">
        <v>0</v>
      </c>
      <c r="AF50" s="13"/>
      <c r="AG50" s="13"/>
      <c r="AH50" s="14"/>
      <c r="AI50" s="12"/>
      <c r="AJ50" s="52">
        <v>4</v>
      </c>
      <c r="AK50" s="18" t="s">
        <v>259</v>
      </c>
    </row>
    <row r="51" spans="1:37" x14ac:dyDescent="0.2">
      <c r="A51" s="58" t="s">
        <v>527</v>
      </c>
      <c r="B51" s="11">
        <v>44</v>
      </c>
      <c r="C51" s="17"/>
      <c r="D51" s="13"/>
      <c r="E51" s="14"/>
      <c r="F51" s="15"/>
      <c r="G51" s="13"/>
      <c r="H51" s="13"/>
      <c r="I51" s="13"/>
      <c r="J51" s="14"/>
      <c r="K51" s="15"/>
      <c r="L51" s="13"/>
      <c r="M51" s="13"/>
      <c r="N51" s="13"/>
      <c r="O51" s="14"/>
      <c r="P51" s="12"/>
      <c r="Q51" s="52"/>
      <c r="R51" s="18"/>
      <c r="T51" s="58" t="s">
        <v>494</v>
      </c>
      <c r="U51" s="10">
        <v>66</v>
      </c>
      <c r="V51" s="17"/>
      <c r="W51" s="13"/>
      <c r="X51" s="14"/>
      <c r="Y51" s="15"/>
      <c r="Z51" s="13"/>
      <c r="AA51" s="13"/>
      <c r="AB51" s="13"/>
      <c r="AC51" s="14"/>
      <c r="AD51" s="15"/>
      <c r="AE51" s="13"/>
      <c r="AF51" s="13"/>
      <c r="AG51" s="13"/>
      <c r="AH51" s="14"/>
      <c r="AI51" s="12"/>
      <c r="AJ51" s="52"/>
      <c r="AK51" s="18"/>
    </row>
    <row r="52" spans="1:37" x14ac:dyDescent="0.2">
      <c r="A52" s="58" t="s">
        <v>526</v>
      </c>
      <c r="B52" s="11">
        <v>44</v>
      </c>
      <c r="C52" s="12"/>
      <c r="D52" s="13"/>
      <c r="E52" s="14"/>
      <c r="F52" s="15"/>
      <c r="G52" s="13"/>
      <c r="H52" s="13"/>
      <c r="I52" s="13"/>
      <c r="J52" s="14"/>
      <c r="K52" s="15"/>
      <c r="L52" s="13"/>
      <c r="M52" s="13"/>
      <c r="N52" s="13"/>
      <c r="O52" s="14"/>
      <c r="P52" s="12"/>
      <c r="Q52" s="52"/>
      <c r="R52" s="18"/>
      <c r="T52" s="58" t="s">
        <v>493</v>
      </c>
      <c r="U52" s="10">
        <v>36</v>
      </c>
      <c r="V52" s="17"/>
      <c r="W52" s="34"/>
      <c r="X52" s="35"/>
      <c r="Y52" s="36"/>
      <c r="Z52" s="34"/>
      <c r="AA52" s="34"/>
      <c r="AB52" s="34"/>
      <c r="AC52" s="35"/>
      <c r="AD52" s="36"/>
      <c r="AE52" s="34"/>
      <c r="AF52" s="34"/>
      <c r="AG52" s="34"/>
      <c r="AH52" s="35"/>
      <c r="AI52" s="17"/>
      <c r="AJ52" s="52"/>
      <c r="AK52" s="18"/>
    </row>
    <row r="53" spans="1:37" x14ac:dyDescent="0.2">
      <c r="A53" s="59" t="s">
        <v>161</v>
      </c>
      <c r="B53" s="21" t="s">
        <v>259</v>
      </c>
      <c r="C53" s="22"/>
      <c r="D53" s="23"/>
      <c r="E53" s="24"/>
      <c r="F53" s="25"/>
      <c r="G53" s="23"/>
      <c r="H53" s="23"/>
      <c r="I53" s="23"/>
      <c r="J53" s="24"/>
      <c r="K53" s="25" t="s">
        <v>0</v>
      </c>
      <c r="L53" s="23"/>
      <c r="M53" s="23"/>
      <c r="N53" s="23"/>
      <c r="O53" s="24"/>
      <c r="P53" s="22"/>
      <c r="Q53" s="53">
        <v>4</v>
      </c>
      <c r="R53" s="27" t="s">
        <v>259</v>
      </c>
      <c r="T53" s="59">
        <v>906</v>
      </c>
      <c r="U53" s="20" t="s">
        <v>259</v>
      </c>
      <c r="V53" s="22"/>
      <c r="W53" s="23"/>
      <c r="X53" s="24"/>
      <c r="Y53" s="25"/>
      <c r="Z53" s="23"/>
      <c r="AA53" s="23" t="s">
        <v>1</v>
      </c>
      <c r="AB53" s="23"/>
      <c r="AC53" s="24"/>
      <c r="AD53" s="25"/>
      <c r="AE53" s="23"/>
      <c r="AF53" s="23"/>
      <c r="AG53" s="23"/>
      <c r="AH53" s="24"/>
      <c r="AI53" s="22"/>
      <c r="AJ53" s="53">
        <v>2</v>
      </c>
      <c r="AK53" s="27" t="s">
        <v>259</v>
      </c>
    </row>
    <row r="54" spans="1:37" x14ac:dyDescent="0.2">
      <c r="A54" s="58"/>
      <c r="B54" s="11"/>
      <c r="C54" s="17"/>
      <c r="D54" s="13"/>
      <c r="E54" s="14"/>
      <c r="F54" s="15"/>
      <c r="G54" s="13"/>
      <c r="H54" s="13"/>
      <c r="I54" s="13"/>
      <c r="J54" s="14"/>
      <c r="K54" s="15"/>
      <c r="L54" s="13"/>
      <c r="M54" s="13"/>
      <c r="N54" s="13"/>
      <c r="O54" s="14"/>
      <c r="P54" s="12"/>
      <c r="Q54" s="52"/>
      <c r="R54" s="18"/>
    </row>
    <row r="55" spans="1:37" x14ac:dyDescent="0.2">
      <c r="A55" s="58"/>
      <c r="B55" s="11"/>
      <c r="C55" s="17"/>
      <c r="D55" s="13"/>
      <c r="E55" s="14"/>
      <c r="F55" s="15"/>
      <c r="G55" s="13"/>
      <c r="H55" s="13"/>
      <c r="I55" s="13"/>
      <c r="J55" s="14"/>
      <c r="K55" s="15"/>
      <c r="L55" s="13"/>
      <c r="M55" s="13"/>
      <c r="N55" s="13"/>
      <c r="O55" s="14"/>
      <c r="P55" s="12"/>
      <c r="Q55" s="52"/>
      <c r="R55" s="18"/>
    </row>
    <row r="56" spans="1:37" x14ac:dyDescent="0.2">
      <c r="A56" s="58"/>
      <c r="B56" s="11"/>
      <c r="C56" s="17"/>
      <c r="D56" s="13"/>
      <c r="E56" s="14"/>
      <c r="F56" s="15"/>
      <c r="G56" s="13"/>
      <c r="H56" s="13"/>
      <c r="I56" s="13"/>
      <c r="J56" s="14"/>
      <c r="K56" s="15"/>
      <c r="L56" s="13"/>
      <c r="M56" s="13"/>
      <c r="N56" s="13"/>
      <c r="O56" s="14"/>
      <c r="P56" s="12"/>
      <c r="Q56" s="52"/>
      <c r="R56" s="18"/>
    </row>
    <row r="57" spans="1:37" x14ac:dyDescent="0.2">
      <c r="A57" s="59"/>
      <c r="B57" s="21"/>
      <c r="C57" s="26"/>
      <c r="D57" s="23"/>
      <c r="E57" s="24"/>
      <c r="F57" s="25"/>
      <c r="G57" s="23"/>
      <c r="H57" s="23"/>
      <c r="I57" s="23"/>
      <c r="J57" s="24"/>
      <c r="K57" s="25"/>
      <c r="L57" s="23"/>
      <c r="M57" s="23"/>
      <c r="N57" s="23"/>
      <c r="O57" s="24"/>
      <c r="P57" s="22"/>
      <c r="Q57" s="53"/>
      <c r="R57" s="27"/>
    </row>
    <row r="58" spans="1:37" x14ac:dyDescent="0.2">
      <c r="A58" s="60"/>
      <c r="B58" s="2"/>
      <c r="C58" s="7"/>
      <c r="D58" s="4"/>
      <c r="E58" s="5"/>
      <c r="F58" s="6"/>
      <c r="G58" s="4"/>
      <c r="H58" s="4"/>
      <c r="I58" s="4"/>
      <c r="J58" s="5"/>
      <c r="K58" s="6"/>
      <c r="L58" s="4"/>
      <c r="M58" s="4"/>
      <c r="N58" s="4"/>
      <c r="O58" s="5"/>
      <c r="P58" s="3"/>
      <c r="Q58" s="51"/>
      <c r="R58" s="8"/>
    </row>
    <row r="59" spans="1:37" x14ac:dyDescent="0.2">
      <c r="A59" s="58"/>
      <c r="B59" s="11"/>
      <c r="C59" s="17"/>
      <c r="D59" s="13"/>
      <c r="E59" s="14"/>
      <c r="F59" s="15"/>
      <c r="G59" s="13"/>
      <c r="H59" s="13"/>
      <c r="I59" s="13"/>
      <c r="J59" s="14"/>
      <c r="K59" s="15"/>
      <c r="L59" s="13"/>
      <c r="M59" s="13"/>
      <c r="N59" s="13"/>
      <c r="O59" s="14"/>
      <c r="P59" s="12"/>
      <c r="Q59" s="52"/>
      <c r="R59" s="18"/>
    </row>
    <row r="60" spans="1:37" x14ac:dyDescent="0.2">
      <c r="A60" s="58"/>
      <c r="B60" s="11"/>
      <c r="C60" s="17"/>
      <c r="D60" s="13"/>
      <c r="E60" s="14"/>
      <c r="F60" s="15"/>
      <c r="G60" s="13"/>
      <c r="H60" s="13"/>
      <c r="I60" s="13"/>
      <c r="J60" s="14"/>
      <c r="K60" s="15"/>
      <c r="L60" s="13"/>
      <c r="M60" s="13"/>
      <c r="N60" s="13"/>
      <c r="O60" s="14"/>
      <c r="P60" s="12"/>
      <c r="Q60" s="52"/>
      <c r="R60" s="18"/>
    </row>
    <row r="61" spans="1:37" x14ac:dyDescent="0.2">
      <c r="A61" s="58"/>
      <c r="B61" s="11"/>
      <c r="C61" s="17"/>
      <c r="D61" s="13"/>
      <c r="E61" s="14"/>
      <c r="F61" s="15"/>
      <c r="G61" s="13"/>
      <c r="H61" s="13"/>
      <c r="I61" s="13"/>
      <c r="J61" s="14"/>
      <c r="K61" s="15"/>
      <c r="L61" s="13"/>
      <c r="M61" s="13"/>
      <c r="N61" s="13"/>
      <c r="O61" s="14"/>
      <c r="P61" s="12"/>
      <c r="Q61" s="52"/>
      <c r="R61" s="18"/>
    </row>
    <row r="62" spans="1:37" x14ac:dyDescent="0.2">
      <c r="A62" s="59"/>
      <c r="B62" s="21"/>
      <c r="C62" s="26"/>
      <c r="D62" s="23"/>
      <c r="E62" s="24"/>
      <c r="F62" s="25"/>
      <c r="G62" s="23"/>
      <c r="H62" s="23"/>
      <c r="I62" s="23"/>
      <c r="J62" s="24"/>
      <c r="K62" s="25"/>
      <c r="L62" s="23"/>
      <c r="M62" s="23"/>
      <c r="N62" s="23"/>
      <c r="O62" s="24"/>
      <c r="P62" s="22"/>
      <c r="Q62" s="53"/>
      <c r="R62" s="27"/>
    </row>
    <row r="63" spans="1:37" x14ac:dyDescent="0.2">
      <c r="A63" s="60"/>
      <c r="B63" s="2"/>
      <c r="C63" s="7"/>
      <c r="D63" s="4"/>
      <c r="E63" s="5"/>
      <c r="F63" s="6"/>
      <c r="G63" s="4"/>
      <c r="H63" s="4"/>
      <c r="I63" s="4"/>
      <c r="J63" s="5"/>
      <c r="K63" s="6"/>
      <c r="L63" s="4"/>
      <c r="M63" s="4"/>
      <c r="N63" s="4"/>
      <c r="O63" s="5"/>
      <c r="P63" s="3"/>
      <c r="Q63" s="51"/>
      <c r="R63" s="8"/>
    </row>
    <row r="64" spans="1:37" x14ac:dyDescent="0.2">
      <c r="A64" s="58"/>
      <c r="B64" s="11"/>
      <c r="C64" s="17"/>
      <c r="D64" s="13"/>
      <c r="E64" s="14"/>
      <c r="F64" s="15"/>
      <c r="G64" s="13"/>
      <c r="H64" s="13"/>
      <c r="I64" s="13"/>
      <c r="J64" s="14"/>
      <c r="K64" s="15"/>
      <c r="L64" s="13"/>
      <c r="M64" s="13"/>
      <c r="N64" s="13"/>
      <c r="O64" s="14"/>
      <c r="P64" s="12"/>
      <c r="Q64" s="52"/>
      <c r="R64" s="18"/>
    </row>
    <row r="65" spans="1:18" x14ac:dyDescent="0.2">
      <c r="A65" s="58"/>
      <c r="B65" s="11"/>
      <c r="C65" s="17"/>
      <c r="D65" s="13"/>
      <c r="E65" s="14"/>
      <c r="F65" s="15"/>
      <c r="G65" s="13"/>
      <c r="H65" s="13"/>
      <c r="I65" s="13"/>
      <c r="J65" s="14"/>
      <c r="K65" s="15"/>
      <c r="L65" s="13"/>
      <c r="M65" s="13"/>
      <c r="N65" s="13"/>
      <c r="O65" s="14"/>
      <c r="P65" s="12"/>
      <c r="Q65" s="52"/>
      <c r="R65" s="18"/>
    </row>
    <row r="66" spans="1:18" x14ac:dyDescent="0.2">
      <c r="A66" s="58"/>
      <c r="B66" s="11"/>
      <c r="C66" s="17"/>
      <c r="D66" s="13"/>
      <c r="E66" s="14"/>
      <c r="F66" s="15"/>
      <c r="G66" s="13"/>
      <c r="H66" s="13"/>
      <c r="I66" s="13"/>
      <c r="J66" s="14"/>
      <c r="K66" s="15"/>
      <c r="L66" s="13"/>
      <c r="M66" s="13"/>
      <c r="N66" s="13"/>
      <c r="O66" s="14"/>
      <c r="P66" s="12"/>
      <c r="Q66" s="52"/>
      <c r="R66" s="18"/>
    </row>
    <row r="67" spans="1:18" x14ac:dyDescent="0.2">
      <c r="A67" s="59"/>
      <c r="B67" s="21"/>
      <c r="C67" s="26"/>
      <c r="D67" s="23"/>
      <c r="E67" s="24"/>
      <c r="F67" s="25"/>
      <c r="G67" s="23"/>
      <c r="H67" s="23"/>
      <c r="I67" s="23"/>
      <c r="J67" s="24"/>
      <c r="K67" s="25"/>
      <c r="L67" s="23"/>
      <c r="M67" s="23"/>
      <c r="N67" s="23"/>
      <c r="O67" s="24"/>
      <c r="P67" s="22"/>
      <c r="Q67" s="53"/>
      <c r="R67" s="27"/>
    </row>
  </sheetData>
  <mergeCells count="16">
    <mergeCell ref="T1:AK1"/>
    <mergeCell ref="T2:T3"/>
    <mergeCell ref="U2:U3"/>
    <mergeCell ref="V2:V3"/>
    <mergeCell ref="W2:AH2"/>
    <mergeCell ref="AI2:AI3"/>
    <mergeCell ref="AJ2:AJ3"/>
    <mergeCell ref="AK2:AK3"/>
    <mergeCell ref="A1:R1"/>
    <mergeCell ref="A2:A3"/>
    <mergeCell ref="B2:B3"/>
    <mergeCell ref="C2:C3"/>
    <mergeCell ref="D2:O2"/>
    <mergeCell ref="P2:P3"/>
    <mergeCell ref="Q2:Q3"/>
    <mergeCell ref="R2:R3"/>
  </mergeCells>
  <printOptions horizontalCentered="1"/>
  <pageMargins left="0.15" right="0.15" top="0.75" bottom="0.25" header="0.55000000000000004" footer="0.05"/>
  <pageSetup paperSize="3" scale="95" fitToHeight="40" orientation="portrait" r:id="rId1"/>
  <headerFooter scaleWithDoc="0" alignWithMargins="0">
    <oddHeader>&amp;L&amp;12San Mateo - Hayward Br (Br #35-0054)&amp;C&amp;"-,Bold"&amp;12Defect Schedule&amp;R&amp;12&amp;D</oddHeader>
    <oddFooter>&amp;R&amp;10&amp;P/&amp;N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3</vt:i4>
      </vt:variant>
      <vt:variant>
        <vt:lpstr>Named Ranges</vt:lpstr>
      </vt:variant>
      <vt:variant>
        <vt:i4>26</vt:i4>
      </vt:variant>
    </vt:vector>
  </HeadingPairs>
  <TitlesOfParts>
    <vt:vector size="39" baseType="lpstr">
      <vt:lpstr>1</vt:lpstr>
      <vt:lpstr>2</vt:lpstr>
      <vt:lpstr>3</vt:lpstr>
      <vt:lpstr>4</vt:lpstr>
      <vt:lpstr>5</vt:lpstr>
      <vt:lpstr>6</vt:lpstr>
      <vt:lpstr>7</vt:lpstr>
      <vt:lpstr>8</vt:lpstr>
      <vt:lpstr>9</vt:lpstr>
      <vt:lpstr>10</vt:lpstr>
      <vt:lpstr>11</vt:lpstr>
      <vt:lpstr>12</vt:lpstr>
      <vt:lpstr>13</vt:lpstr>
      <vt:lpstr>'1'!Print_Area</vt:lpstr>
      <vt:lpstr>'10'!Print_Area</vt:lpstr>
      <vt:lpstr>'11'!Print_Area</vt:lpstr>
      <vt:lpstr>'12'!Print_Area</vt:lpstr>
      <vt:lpstr>'13'!Print_Area</vt:lpstr>
      <vt:lpstr>'2'!Print_Area</vt:lpstr>
      <vt:lpstr>'3'!Print_Area</vt:lpstr>
      <vt:lpstr>'4'!Print_Area</vt:lpstr>
      <vt:lpstr>'5'!Print_Area</vt:lpstr>
      <vt:lpstr>'6'!Print_Area</vt:lpstr>
      <vt:lpstr>'7'!Print_Area</vt:lpstr>
      <vt:lpstr>'8'!Print_Area</vt:lpstr>
      <vt:lpstr>'9'!Print_Area</vt:lpstr>
      <vt:lpstr>'1'!Print_Titles</vt:lpstr>
      <vt:lpstr>'10'!Print_Titles</vt:lpstr>
      <vt:lpstr>'11'!Print_Titles</vt:lpstr>
      <vt:lpstr>'12'!Print_Titles</vt:lpstr>
      <vt:lpstr>'13'!Print_Titles</vt:lpstr>
      <vt:lpstr>'2'!Print_Titles</vt:lpstr>
      <vt:lpstr>'3'!Print_Titles</vt:lpstr>
      <vt:lpstr>'4'!Print_Titles</vt:lpstr>
      <vt:lpstr>'5'!Print_Titles</vt:lpstr>
      <vt:lpstr>'6'!Print_Titles</vt:lpstr>
      <vt:lpstr>'7'!Print_Titles</vt:lpstr>
      <vt:lpstr>'8'!Print_Titles</vt:lpstr>
      <vt:lpstr>'9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hung, David@DOT</dc:creator>
  <cp:lastModifiedBy>Chung, David@DOT</cp:lastModifiedBy>
  <dcterms:created xsi:type="dcterms:W3CDTF">2018-12-03T17:51:17Z</dcterms:created>
  <dcterms:modified xsi:type="dcterms:W3CDTF">2019-11-04T17:12:28Z</dcterms:modified>
</cp:coreProperties>
</file>